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32"/>
  </p:notesMasterIdLst>
  <p:sldIdLst>
    <p:sldId id="256" r:id="rId2"/>
    <p:sldId id="292" r:id="rId3"/>
    <p:sldId id="293" r:id="rId4"/>
    <p:sldId id="294" r:id="rId5"/>
    <p:sldId id="264" r:id="rId6"/>
    <p:sldId id="265" r:id="rId7"/>
    <p:sldId id="267" r:id="rId8"/>
    <p:sldId id="266" r:id="rId9"/>
    <p:sldId id="270" r:id="rId10"/>
    <p:sldId id="259" r:id="rId11"/>
    <p:sldId id="268" r:id="rId12"/>
    <p:sldId id="269" r:id="rId13"/>
    <p:sldId id="273" r:id="rId14"/>
    <p:sldId id="272" r:id="rId15"/>
    <p:sldId id="274" r:id="rId16"/>
    <p:sldId id="277" r:id="rId17"/>
    <p:sldId id="279" r:id="rId18"/>
    <p:sldId id="275" r:id="rId19"/>
    <p:sldId id="276" r:id="rId20"/>
    <p:sldId id="280" r:id="rId21"/>
    <p:sldId id="281" r:id="rId22"/>
    <p:sldId id="282" r:id="rId23"/>
    <p:sldId id="283" r:id="rId24"/>
    <p:sldId id="284" r:id="rId25"/>
    <p:sldId id="285" r:id="rId26"/>
    <p:sldId id="286" r:id="rId27"/>
    <p:sldId id="260" r:id="rId28"/>
    <p:sldId id="291" r:id="rId29"/>
    <p:sldId id="289" r:id="rId30"/>
    <p:sldId id="262" r:id="rId31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فارس سيد حسن السيد" initials="فارس" lastIdx="2" clrIdx="0">
    <p:extLst>
      <p:ext uri="{19B8F6BF-5375-455C-9EA6-DF929625EA0E}">
        <p15:presenceInfo xmlns:p15="http://schemas.microsoft.com/office/powerpoint/2012/main" userId="فارس سيد حسن السيد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987" autoAdjust="0"/>
  </p:normalViewPr>
  <p:slideViewPr>
    <p:cSldViewPr snapToGrid="0">
      <p:cViewPr varScale="1">
        <p:scale>
          <a:sx n="81" d="100"/>
          <a:sy n="81" d="100"/>
        </p:scale>
        <p:origin x="725" y="6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3432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viewProps" Target="view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svg"/><Relationship Id="rId1" Type="http://schemas.openxmlformats.org/officeDocument/2006/relationships/image" Target="../media/image25.png"/><Relationship Id="rId6" Type="http://schemas.openxmlformats.org/officeDocument/2006/relationships/image" Target="../media/image30.svg"/><Relationship Id="rId5" Type="http://schemas.openxmlformats.org/officeDocument/2006/relationships/image" Target="../media/image29.png"/><Relationship Id="rId4" Type="http://schemas.openxmlformats.org/officeDocument/2006/relationships/image" Target="../media/image28.sv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svg"/><Relationship Id="rId1" Type="http://schemas.openxmlformats.org/officeDocument/2006/relationships/image" Target="../media/image25.png"/><Relationship Id="rId6" Type="http://schemas.openxmlformats.org/officeDocument/2006/relationships/image" Target="../media/image30.svg"/><Relationship Id="rId5" Type="http://schemas.openxmlformats.org/officeDocument/2006/relationships/image" Target="../media/image29.png"/><Relationship Id="rId4" Type="http://schemas.openxmlformats.org/officeDocument/2006/relationships/image" Target="../media/image28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D003485-B4C4-45F3-A336-AA0B186B84ED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4AFC439C-0FA9-4BE7-8D2B-980AAC1CEF1A}">
      <dgm:prSet/>
      <dgm:spPr/>
      <dgm:t>
        <a:bodyPr/>
        <a:lstStyle/>
        <a:p>
          <a:r>
            <a:rPr lang="en-US"/>
            <a:t>Student/Instructor Registration.</a:t>
          </a:r>
        </a:p>
      </dgm:t>
    </dgm:pt>
    <dgm:pt modelId="{8C5D9B8E-3BDE-4594-B388-D00DBA403E65}" type="parTrans" cxnId="{CBC3801E-A876-4870-B80A-BB0B9C5E7CAE}">
      <dgm:prSet/>
      <dgm:spPr/>
      <dgm:t>
        <a:bodyPr/>
        <a:lstStyle/>
        <a:p>
          <a:endParaRPr lang="en-US"/>
        </a:p>
      </dgm:t>
    </dgm:pt>
    <dgm:pt modelId="{5B227BC2-BD60-4209-AB39-2175419F81B1}" type="sibTrans" cxnId="{CBC3801E-A876-4870-B80A-BB0B9C5E7CAE}">
      <dgm:prSet/>
      <dgm:spPr/>
      <dgm:t>
        <a:bodyPr/>
        <a:lstStyle/>
        <a:p>
          <a:endParaRPr lang="en-US"/>
        </a:p>
      </dgm:t>
    </dgm:pt>
    <dgm:pt modelId="{C5014A89-4F3D-40FB-87E6-41137980F04C}">
      <dgm:prSet/>
      <dgm:spPr/>
      <dgm:t>
        <a:bodyPr/>
        <a:lstStyle/>
        <a:p>
          <a:r>
            <a:rPr lang="en-US"/>
            <a:t>Account Management.</a:t>
          </a:r>
        </a:p>
      </dgm:t>
    </dgm:pt>
    <dgm:pt modelId="{359E9B35-9884-48E8-BDD6-BF086893FAFC}" type="parTrans" cxnId="{8B028540-C56D-4387-B952-1A44AC5D0BE7}">
      <dgm:prSet/>
      <dgm:spPr/>
      <dgm:t>
        <a:bodyPr/>
        <a:lstStyle/>
        <a:p>
          <a:endParaRPr lang="en-US"/>
        </a:p>
      </dgm:t>
    </dgm:pt>
    <dgm:pt modelId="{5F84A498-5A32-46BE-93B2-4376819C4F80}" type="sibTrans" cxnId="{8B028540-C56D-4387-B952-1A44AC5D0BE7}">
      <dgm:prSet/>
      <dgm:spPr/>
      <dgm:t>
        <a:bodyPr/>
        <a:lstStyle/>
        <a:p>
          <a:endParaRPr lang="en-US"/>
        </a:p>
      </dgm:t>
    </dgm:pt>
    <dgm:pt modelId="{DEE9250C-4024-40A2-B077-CF63DBFAAEA5}">
      <dgm:prSet/>
      <dgm:spPr/>
      <dgm:t>
        <a:bodyPr/>
        <a:lstStyle/>
        <a:p>
          <a:r>
            <a:rPr lang="en-US"/>
            <a:t>Department Management.</a:t>
          </a:r>
        </a:p>
      </dgm:t>
    </dgm:pt>
    <dgm:pt modelId="{2B87F92F-4708-4C9B-9E97-1A3C1699F6DF}" type="parTrans" cxnId="{9EE7EDAC-96D9-4D50-8DBF-A230E2CA768D}">
      <dgm:prSet/>
      <dgm:spPr/>
      <dgm:t>
        <a:bodyPr/>
        <a:lstStyle/>
        <a:p>
          <a:endParaRPr lang="en-US"/>
        </a:p>
      </dgm:t>
    </dgm:pt>
    <dgm:pt modelId="{0226948A-F0F2-4441-92EE-F1B01E8E28DF}" type="sibTrans" cxnId="{9EE7EDAC-96D9-4D50-8DBF-A230E2CA768D}">
      <dgm:prSet/>
      <dgm:spPr/>
      <dgm:t>
        <a:bodyPr/>
        <a:lstStyle/>
        <a:p>
          <a:endParaRPr lang="en-US"/>
        </a:p>
      </dgm:t>
    </dgm:pt>
    <dgm:pt modelId="{176BDCF3-1F31-4769-8207-05FDA1A97AB1}">
      <dgm:prSet/>
      <dgm:spPr/>
      <dgm:t>
        <a:bodyPr/>
        <a:lstStyle/>
        <a:p>
          <a:r>
            <a:rPr lang="en-US"/>
            <a:t>Courses (Registration, Deletion).</a:t>
          </a:r>
        </a:p>
      </dgm:t>
    </dgm:pt>
    <dgm:pt modelId="{F4F8E12A-17FD-47F8-BD6D-1A259D178C1B}" type="parTrans" cxnId="{8D15976F-D214-4C59-97EE-6CEDC2A07EF3}">
      <dgm:prSet/>
      <dgm:spPr/>
      <dgm:t>
        <a:bodyPr/>
        <a:lstStyle/>
        <a:p>
          <a:endParaRPr lang="en-US"/>
        </a:p>
      </dgm:t>
    </dgm:pt>
    <dgm:pt modelId="{9DB9ED14-3135-4547-B1E1-1D3436310673}" type="sibTrans" cxnId="{8D15976F-D214-4C59-97EE-6CEDC2A07EF3}">
      <dgm:prSet/>
      <dgm:spPr/>
      <dgm:t>
        <a:bodyPr/>
        <a:lstStyle/>
        <a:p>
          <a:endParaRPr lang="en-US"/>
        </a:p>
      </dgm:t>
    </dgm:pt>
    <dgm:pt modelId="{D0E0F9C9-25A6-46D3-9E08-B38BF9B363DC}">
      <dgm:prSet/>
      <dgm:spPr/>
      <dgm:t>
        <a:bodyPr/>
        <a:lstStyle/>
        <a:p>
          <a:r>
            <a:rPr lang="en-US"/>
            <a:t>Course Student/Instructor Registration.</a:t>
          </a:r>
        </a:p>
      </dgm:t>
    </dgm:pt>
    <dgm:pt modelId="{6E2D3BED-1A1D-4D7C-87E7-239E62066322}" type="parTrans" cxnId="{6C44C6BF-810F-45FA-8D3D-E0FD8594B356}">
      <dgm:prSet/>
      <dgm:spPr/>
      <dgm:t>
        <a:bodyPr/>
        <a:lstStyle/>
        <a:p>
          <a:endParaRPr lang="en-US"/>
        </a:p>
      </dgm:t>
    </dgm:pt>
    <dgm:pt modelId="{7D972EA5-8F32-4885-9E42-29D0FACFB934}" type="sibTrans" cxnId="{6C44C6BF-810F-45FA-8D3D-E0FD8594B356}">
      <dgm:prSet/>
      <dgm:spPr/>
      <dgm:t>
        <a:bodyPr/>
        <a:lstStyle/>
        <a:p>
          <a:endParaRPr lang="en-US"/>
        </a:p>
      </dgm:t>
    </dgm:pt>
    <dgm:pt modelId="{F2568316-69DD-4380-A111-5D75CEA9428B}">
      <dgm:prSet/>
      <dgm:spPr/>
      <dgm:t>
        <a:bodyPr/>
        <a:lstStyle/>
        <a:p>
          <a:r>
            <a:rPr lang="en-US"/>
            <a:t>General Feeds.</a:t>
          </a:r>
        </a:p>
      </dgm:t>
    </dgm:pt>
    <dgm:pt modelId="{D27E3533-EBBF-4CC4-95F0-FE7846572717}" type="parTrans" cxnId="{69CA8C94-8B60-480A-850B-667BBFE9ED8C}">
      <dgm:prSet/>
      <dgm:spPr/>
      <dgm:t>
        <a:bodyPr/>
        <a:lstStyle/>
        <a:p>
          <a:endParaRPr lang="en-US"/>
        </a:p>
      </dgm:t>
    </dgm:pt>
    <dgm:pt modelId="{169F47DE-A518-42A8-804F-E165C0931627}" type="sibTrans" cxnId="{69CA8C94-8B60-480A-850B-667BBFE9ED8C}">
      <dgm:prSet/>
      <dgm:spPr/>
      <dgm:t>
        <a:bodyPr/>
        <a:lstStyle/>
        <a:p>
          <a:endParaRPr lang="en-US"/>
        </a:p>
      </dgm:t>
    </dgm:pt>
    <dgm:pt modelId="{FE2EFF86-CE41-4CB8-AF67-5D76C1F22581}">
      <dgm:prSet/>
      <dgm:spPr/>
      <dgm:t>
        <a:bodyPr/>
        <a:lstStyle/>
        <a:p>
          <a:r>
            <a:rPr lang="en-US"/>
            <a:t>Course Feeds.</a:t>
          </a:r>
        </a:p>
      </dgm:t>
    </dgm:pt>
    <dgm:pt modelId="{A0611033-DC37-4EEA-AEBC-8ED5236B130D}" type="parTrans" cxnId="{5E3A51FA-A9D9-4D1A-9DC8-6D0A4C634BF7}">
      <dgm:prSet/>
      <dgm:spPr/>
      <dgm:t>
        <a:bodyPr/>
        <a:lstStyle/>
        <a:p>
          <a:endParaRPr lang="en-US"/>
        </a:p>
      </dgm:t>
    </dgm:pt>
    <dgm:pt modelId="{548FA837-6A42-400B-99A3-2094FDE8F6E4}" type="sibTrans" cxnId="{5E3A51FA-A9D9-4D1A-9DC8-6D0A4C634BF7}">
      <dgm:prSet/>
      <dgm:spPr/>
      <dgm:t>
        <a:bodyPr/>
        <a:lstStyle/>
        <a:p>
          <a:endParaRPr lang="en-US"/>
        </a:p>
      </dgm:t>
    </dgm:pt>
    <dgm:pt modelId="{742728CF-6CE4-474F-ABDA-192FEED45706}">
      <dgm:prSet/>
      <dgm:spPr/>
      <dgm:t>
        <a:bodyPr/>
        <a:lstStyle/>
        <a:p>
          <a:r>
            <a:rPr lang="en-US"/>
            <a:t>Course Attendance.</a:t>
          </a:r>
        </a:p>
      </dgm:t>
    </dgm:pt>
    <dgm:pt modelId="{91D2E90C-1572-4931-8C91-515567549CDD}" type="parTrans" cxnId="{C6771730-5C10-4A2A-B92A-F36016109C0C}">
      <dgm:prSet/>
      <dgm:spPr/>
      <dgm:t>
        <a:bodyPr/>
        <a:lstStyle/>
        <a:p>
          <a:endParaRPr lang="en-US"/>
        </a:p>
      </dgm:t>
    </dgm:pt>
    <dgm:pt modelId="{6638D094-1711-4CC4-BB85-1471EA13E28E}" type="sibTrans" cxnId="{C6771730-5C10-4A2A-B92A-F36016109C0C}">
      <dgm:prSet/>
      <dgm:spPr/>
      <dgm:t>
        <a:bodyPr/>
        <a:lstStyle/>
        <a:p>
          <a:endParaRPr lang="en-US"/>
        </a:p>
      </dgm:t>
    </dgm:pt>
    <dgm:pt modelId="{22429489-B389-45E0-AA29-9351197B9F44}">
      <dgm:prSet/>
      <dgm:spPr/>
      <dgm:t>
        <a:bodyPr/>
        <a:lstStyle/>
        <a:p>
          <a:r>
            <a:rPr lang="en-US"/>
            <a:t>Course Attendance Complaints.</a:t>
          </a:r>
        </a:p>
      </dgm:t>
    </dgm:pt>
    <dgm:pt modelId="{939607CC-4BE4-4A4A-AB05-602288AF30AC}" type="parTrans" cxnId="{FCA2A1FB-E62E-4106-99D2-16413D187C41}">
      <dgm:prSet/>
      <dgm:spPr/>
      <dgm:t>
        <a:bodyPr/>
        <a:lstStyle/>
        <a:p>
          <a:endParaRPr lang="en-US"/>
        </a:p>
      </dgm:t>
    </dgm:pt>
    <dgm:pt modelId="{537B9D69-6102-420E-8071-45CD7FC8A03B}" type="sibTrans" cxnId="{FCA2A1FB-E62E-4106-99D2-16413D187C41}">
      <dgm:prSet/>
      <dgm:spPr/>
      <dgm:t>
        <a:bodyPr/>
        <a:lstStyle/>
        <a:p>
          <a:endParaRPr lang="en-US"/>
        </a:p>
      </dgm:t>
    </dgm:pt>
    <dgm:pt modelId="{FAAECFD5-7147-4D68-BE68-19B3E19526A7}">
      <dgm:prSet/>
      <dgm:spPr/>
      <dgm:t>
        <a:bodyPr/>
        <a:lstStyle/>
        <a:p>
          <a:r>
            <a:rPr lang="en-US"/>
            <a:t>Course Attendance Excuses.</a:t>
          </a:r>
        </a:p>
      </dgm:t>
    </dgm:pt>
    <dgm:pt modelId="{34C5B28E-2366-4E70-8D69-F42A97F6200D}" type="parTrans" cxnId="{9CE743AB-E929-4C90-A259-CCAA4B088DA0}">
      <dgm:prSet/>
      <dgm:spPr/>
      <dgm:t>
        <a:bodyPr/>
        <a:lstStyle/>
        <a:p>
          <a:endParaRPr lang="en-US"/>
        </a:p>
      </dgm:t>
    </dgm:pt>
    <dgm:pt modelId="{E3F100AE-2A06-45A6-B93C-474AF5556281}" type="sibTrans" cxnId="{9CE743AB-E929-4C90-A259-CCAA4B088DA0}">
      <dgm:prSet/>
      <dgm:spPr/>
      <dgm:t>
        <a:bodyPr/>
        <a:lstStyle/>
        <a:p>
          <a:endParaRPr lang="en-US"/>
        </a:p>
      </dgm:t>
    </dgm:pt>
    <dgm:pt modelId="{8BF7F5F9-E403-4C24-921A-EDCD46F58F16}">
      <dgm:prSet/>
      <dgm:spPr/>
      <dgm:t>
        <a:bodyPr/>
        <a:lstStyle/>
        <a:p>
          <a:r>
            <a:rPr lang="en-US"/>
            <a:t>Course Grades.</a:t>
          </a:r>
        </a:p>
      </dgm:t>
    </dgm:pt>
    <dgm:pt modelId="{2B9E972F-C46F-4EF0-B584-8B2B2AB5E8AE}" type="parTrans" cxnId="{2367475B-5267-41E6-ACEB-93CFF74CEF6F}">
      <dgm:prSet/>
      <dgm:spPr/>
      <dgm:t>
        <a:bodyPr/>
        <a:lstStyle/>
        <a:p>
          <a:endParaRPr lang="en-US"/>
        </a:p>
      </dgm:t>
    </dgm:pt>
    <dgm:pt modelId="{71C81691-18F2-4C37-A6ED-2B4772463F73}" type="sibTrans" cxnId="{2367475B-5267-41E6-ACEB-93CFF74CEF6F}">
      <dgm:prSet/>
      <dgm:spPr/>
      <dgm:t>
        <a:bodyPr/>
        <a:lstStyle/>
        <a:p>
          <a:endParaRPr lang="en-US"/>
        </a:p>
      </dgm:t>
    </dgm:pt>
    <dgm:pt modelId="{D283A40C-E8BA-451D-A3E6-85735F6A853B}">
      <dgm:prSet/>
      <dgm:spPr/>
      <dgm:t>
        <a:bodyPr/>
        <a:lstStyle/>
        <a:p>
          <a:r>
            <a:rPr lang="en-US"/>
            <a:t>Course Grades Complaints.</a:t>
          </a:r>
        </a:p>
      </dgm:t>
    </dgm:pt>
    <dgm:pt modelId="{6BD50EDC-8E5C-428E-8AD5-F077FECF85AD}" type="parTrans" cxnId="{2FD02384-9C8F-40D2-81BE-A20E901CF782}">
      <dgm:prSet/>
      <dgm:spPr/>
      <dgm:t>
        <a:bodyPr/>
        <a:lstStyle/>
        <a:p>
          <a:endParaRPr lang="en-US"/>
        </a:p>
      </dgm:t>
    </dgm:pt>
    <dgm:pt modelId="{3A2CFB40-42B4-4AD4-9FC7-199913060BEA}" type="sibTrans" cxnId="{2FD02384-9C8F-40D2-81BE-A20E901CF782}">
      <dgm:prSet/>
      <dgm:spPr/>
      <dgm:t>
        <a:bodyPr/>
        <a:lstStyle/>
        <a:p>
          <a:endParaRPr lang="en-US"/>
        </a:p>
      </dgm:t>
    </dgm:pt>
    <dgm:pt modelId="{9CDAB6C9-E864-407D-8412-635DA42A8315}">
      <dgm:prSet/>
      <dgm:spPr/>
      <dgm:t>
        <a:bodyPr/>
        <a:lstStyle/>
        <a:p>
          <a:r>
            <a:rPr lang="en-US"/>
            <a:t>Course Feedback.</a:t>
          </a:r>
        </a:p>
      </dgm:t>
    </dgm:pt>
    <dgm:pt modelId="{5B2C6573-DF5E-42D3-84AB-5CA666BB074C}" type="parTrans" cxnId="{F71C4AC1-B321-4E30-86F4-18C94E1D2A3A}">
      <dgm:prSet/>
      <dgm:spPr/>
      <dgm:t>
        <a:bodyPr/>
        <a:lstStyle/>
        <a:p>
          <a:endParaRPr lang="en-US"/>
        </a:p>
      </dgm:t>
    </dgm:pt>
    <dgm:pt modelId="{BF0A0B4E-F4BC-4E96-8B1C-0DE800DA4299}" type="sibTrans" cxnId="{F71C4AC1-B321-4E30-86F4-18C94E1D2A3A}">
      <dgm:prSet/>
      <dgm:spPr/>
      <dgm:t>
        <a:bodyPr/>
        <a:lstStyle/>
        <a:p>
          <a:endParaRPr lang="en-US"/>
        </a:p>
      </dgm:t>
    </dgm:pt>
    <dgm:pt modelId="{E71A3FF2-4018-4C7C-A455-FBD98B66E8BB}">
      <dgm:prSet/>
      <dgm:spPr/>
      <dgm:t>
        <a:bodyPr/>
        <a:lstStyle/>
        <a:p>
          <a:r>
            <a:rPr lang="en-US"/>
            <a:t>General Materials.</a:t>
          </a:r>
        </a:p>
      </dgm:t>
    </dgm:pt>
    <dgm:pt modelId="{7DAED24F-2D21-4E6A-A4B5-7ED4619AD8A2}" type="parTrans" cxnId="{7142B81C-0DFB-4C22-80BF-56CC96206493}">
      <dgm:prSet/>
      <dgm:spPr/>
      <dgm:t>
        <a:bodyPr/>
        <a:lstStyle/>
        <a:p>
          <a:endParaRPr lang="en-US"/>
        </a:p>
      </dgm:t>
    </dgm:pt>
    <dgm:pt modelId="{29A550C6-4E96-4EBE-9C08-B4C9B96ED85B}" type="sibTrans" cxnId="{7142B81C-0DFB-4C22-80BF-56CC96206493}">
      <dgm:prSet/>
      <dgm:spPr/>
      <dgm:t>
        <a:bodyPr/>
        <a:lstStyle/>
        <a:p>
          <a:endParaRPr lang="en-US"/>
        </a:p>
      </dgm:t>
    </dgm:pt>
    <dgm:pt modelId="{07F14C9A-898D-4DCA-90FE-012F5BC8626B}">
      <dgm:prSet/>
      <dgm:spPr/>
      <dgm:t>
        <a:bodyPr/>
        <a:lstStyle/>
        <a:p>
          <a:r>
            <a:rPr lang="en-US"/>
            <a:t>Course Materials.</a:t>
          </a:r>
        </a:p>
      </dgm:t>
    </dgm:pt>
    <dgm:pt modelId="{E3968313-8E04-45D5-8941-16392954049E}" type="parTrans" cxnId="{C2B95D95-3843-44A8-9D3B-5F638FE6FF29}">
      <dgm:prSet/>
      <dgm:spPr/>
      <dgm:t>
        <a:bodyPr/>
        <a:lstStyle/>
        <a:p>
          <a:endParaRPr lang="en-US"/>
        </a:p>
      </dgm:t>
    </dgm:pt>
    <dgm:pt modelId="{D9B92574-5630-40BA-B64A-D700402539B6}" type="sibTrans" cxnId="{C2B95D95-3843-44A8-9D3B-5F638FE6FF29}">
      <dgm:prSet/>
      <dgm:spPr/>
      <dgm:t>
        <a:bodyPr/>
        <a:lstStyle/>
        <a:p>
          <a:endParaRPr lang="en-US"/>
        </a:p>
      </dgm:t>
    </dgm:pt>
    <dgm:pt modelId="{842D3F9F-7502-4606-B4B6-5195B31C39BF}">
      <dgm:prSet/>
      <dgm:spPr/>
      <dgm:t>
        <a:bodyPr/>
        <a:lstStyle/>
        <a:p>
          <a:r>
            <a:rPr lang="en-US"/>
            <a:t>Message System.</a:t>
          </a:r>
        </a:p>
      </dgm:t>
    </dgm:pt>
    <dgm:pt modelId="{872D1CBC-8C8A-4E1D-84A7-9A18DC42B3DD}" type="parTrans" cxnId="{C83BA9E9-722B-48AC-ACA5-761FFC53C3D8}">
      <dgm:prSet/>
      <dgm:spPr/>
      <dgm:t>
        <a:bodyPr/>
        <a:lstStyle/>
        <a:p>
          <a:endParaRPr lang="en-US"/>
        </a:p>
      </dgm:t>
    </dgm:pt>
    <dgm:pt modelId="{93461871-BE47-4539-8CAB-E46778BA364F}" type="sibTrans" cxnId="{C83BA9E9-722B-48AC-ACA5-761FFC53C3D8}">
      <dgm:prSet/>
      <dgm:spPr/>
      <dgm:t>
        <a:bodyPr/>
        <a:lstStyle/>
        <a:p>
          <a:endParaRPr lang="en-US"/>
        </a:p>
      </dgm:t>
    </dgm:pt>
    <dgm:pt modelId="{5DAF02E9-E2D1-4BD7-8E62-88D30EAED39F}">
      <dgm:prSet/>
      <dgm:spPr/>
      <dgm:t>
        <a:bodyPr/>
        <a:lstStyle/>
        <a:p>
          <a:r>
            <a:rPr lang="en-US"/>
            <a:t>Calendar Management.</a:t>
          </a:r>
        </a:p>
      </dgm:t>
    </dgm:pt>
    <dgm:pt modelId="{05DBC741-3659-4C51-8139-8C56FBAAACA2}" type="parTrans" cxnId="{24F2E6C7-FFEB-4644-95AC-0FF8EEF225AF}">
      <dgm:prSet/>
      <dgm:spPr/>
      <dgm:t>
        <a:bodyPr/>
        <a:lstStyle/>
        <a:p>
          <a:endParaRPr lang="en-US"/>
        </a:p>
      </dgm:t>
    </dgm:pt>
    <dgm:pt modelId="{11CD5D76-F5C3-4CC7-A97A-8FF9B0EB9D5C}" type="sibTrans" cxnId="{24F2E6C7-FFEB-4644-95AC-0FF8EEF225AF}">
      <dgm:prSet/>
      <dgm:spPr/>
      <dgm:t>
        <a:bodyPr/>
        <a:lstStyle/>
        <a:p>
          <a:endParaRPr lang="en-US"/>
        </a:p>
      </dgm:t>
    </dgm:pt>
    <dgm:pt modelId="{0E59F2EF-4FCB-478F-B7DD-644A4F3F6E21}">
      <dgm:prSet/>
      <dgm:spPr/>
      <dgm:t>
        <a:bodyPr/>
        <a:lstStyle/>
        <a:p>
          <a:r>
            <a:rPr lang="en-US"/>
            <a:t>Time Schedule Management.</a:t>
          </a:r>
        </a:p>
      </dgm:t>
    </dgm:pt>
    <dgm:pt modelId="{714287F9-E695-4BD4-A3F8-2B2070612231}" type="parTrans" cxnId="{D517A2AB-FB40-49A5-BCC8-41E21B076756}">
      <dgm:prSet/>
      <dgm:spPr/>
      <dgm:t>
        <a:bodyPr/>
        <a:lstStyle/>
        <a:p>
          <a:endParaRPr lang="en-US"/>
        </a:p>
      </dgm:t>
    </dgm:pt>
    <dgm:pt modelId="{0060D54A-62F2-4436-9E51-26A737AE4F86}" type="sibTrans" cxnId="{D517A2AB-FB40-49A5-BCC8-41E21B076756}">
      <dgm:prSet/>
      <dgm:spPr/>
      <dgm:t>
        <a:bodyPr/>
        <a:lstStyle/>
        <a:p>
          <a:endParaRPr lang="en-US"/>
        </a:p>
      </dgm:t>
    </dgm:pt>
    <dgm:pt modelId="{B8D509F7-C002-4C3E-8A51-954654A89006}">
      <dgm:prSet/>
      <dgm:spPr/>
      <dgm:t>
        <a:bodyPr/>
        <a:lstStyle/>
        <a:p>
          <a:r>
            <a:rPr lang="en-US"/>
            <a:t>Search for Student/Instructor.</a:t>
          </a:r>
        </a:p>
      </dgm:t>
    </dgm:pt>
    <dgm:pt modelId="{1244DD71-AB33-4A4A-A634-8A29533CC646}" type="parTrans" cxnId="{02516D50-B0A8-496C-BDFC-5EB0CA6E88C3}">
      <dgm:prSet/>
      <dgm:spPr/>
      <dgm:t>
        <a:bodyPr/>
        <a:lstStyle/>
        <a:p>
          <a:endParaRPr lang="en-US"/>
        </a:p>
      </dgm:t>
    </dgm:pt>
    <dgm:pt modelId="{BAF6E4EC-9995-4B97-88DC-C259157A6165}" type="sibTrans" cxnId="{02516D50-B0A8-496C-BDFC-5EB0CA6E88C3}">
      <dgm:prSet/>
      <dgm:spPr/>
      <dgm:t>
        <a:bodyPr/>
        <a:lstStyle/>
        <a:p>
          <a:endParaRPr lang="en-US"/>
        </a:p>
      </dgm:t>
    </dgm:pt>
    <dgm:pt modelId="{D98CABB0-FC23-4D4D-AB78-6A69072B389D}">
      <dgm:prSet/>
      <dgm:spPr/>
      <dgm:t>
        <a:bodyPr/>
        <a:lstStyle/>
        <a:p>
          <a:r>
            <a:rPr lang="en-US"/>
            <a:t>Student/Instructor contact (view profile, mail, office hours and contact information).</a:t>
          </a:r>
        </a:p>
      </dgm:t>
    </dgm:pt>
    <dgm:pt modelId="{06169E2E-63AE-4042-949C-CA273033BCE3}" type="parTrans" cxnId="{102437AC-1E14-4345-8CB3-7610040BD54A}">
      <dgm:prSet/>
      <dgm:spPr/>
      <dgm:t>
        <a:bodyPr/>
        <a:lstStyle/>
        <a:p>
          <a:endParaRPr lang="en-US"/>
        </a:p>
      </dgm:t>
    </dgm:pt>
    <dgm:pt modelId="{139E08E4-9CD0-48B3-B35C-1AECBA18885E}" type="sibTrans" cxnId="{102437AC-1E14-4345-8CB3-7610040BD54A}">
      <dgm:prSet/>
      <dgm:spPr/>
      <dgm:t>
        <a:bodyPr/>
        <a:lstStyle/>
        <a:p>
          <a:endParaRPr lang="en-US"/>
        </a:p>
      </dgm:t>
    </dgm:pt>
    <dgm:pt modelId="{3D4943FC-E67E-4656-AE92-05EBA48F322B}" type="pres">
      <dgm:prSet presAssocID="{7D003485-B4C4-45F3-A336-AA0B186B84ED}" presName="diagram" presStyleCnt="0">
        <dgm:presLayoutVars>
          <dgm:dir/>
          <dgm:resizeHandles val="exact"/>
        </dgm:presLayoutVars>
      </dgm:prSet>
      <dgm:spPr/>
    </dgm:pt>
    <dgm:pt modelId="{DBD68BBA-7630-45A3-BEC3-AB40B0F9B4A3}" type="pres">
      <dgm:prSet presAssocID="{4AFC439C-0FA9-4BE7-8D2B-980AAC1CEF1A}" presName="node" presStyleLbl="node1" presStyleIdx="0" presStyleCnt="20">
        <dgm:presLayoutVars>
          <dgm:bulletEnabled val="1"/>
        </dgm:presLayoutVars>
      </dgm:prSet>
      <dgm:spPr/>
    </dgm:pt>
    <dgm:pt modelId="{C7595A08-DB71-4E75-9F78-24A31031CA27}" type="pres">
      <dgm:prSet presAssocID="{5B227BC2-BD60-4209-AB39-2175419F81B1}" presName="sibTrans" presStyleCnt="0"/>
      <dgm:spPr/>
    </dgm:pt>
    <dgm:pt modelId="{0FA4B12B-DC1D-4909-8CBD-4DA9AB66A61E}" type="pres">
      <dgm:prSet presAssocID="{C5014A89-4F3D-40FB-87E6-41137980F04C}" presName="node" presStyleLbl="node1" presStyleIdx="1" presStyleCnt="20">
        <dgm:presLayoutVars>
          <dgm:bulletEnabled val="1"/>
        </dgm:presLayoutVars>
      </dgm:prSet>
      <dgm:spPr/>
    </dgm:pt>
    <dgm:pt modelId="{6F293EF7-F8E9-4461-AA21-3E09FBF0C384}" type="pres">
      <dgm:prSet presAssocID="{5F84A498-5A32-46BE-93B2-4376819C4F80}" presName="sibTrans" presStyleCnt="0"/>
      <dgm:spPr/>
    </dgm:pt>
    <dgm:pt modelId="{920325CA-6476-4297-B948-438E01E8FD6C}" type="pres">
      <dgm:prSet presAssocID="{DEE9250C-4024-40A2-B077-CF63DBFAAEA5}" presName="node" presStyleLbl="node1" presStyleIdx="2" presStyleCnt="20">
        <dgm:presLayoutVars>
          <dgm:bulletEnabled val="1"/>
        </dgm:presLayoutVars>
      </dgm:prSet>
      <dgm:spPr/>
    </dgm:pt>
    <dgm:pt modelId="{5E119581-FEE1-4B0F-84AF-D1F67EA6CCEE}" type="pres">
      <dgm:prSet presAssocID="{0226948A-F0F2-4441-92EE-F1B01E8E28DF}" presName="sibTrans" presStyleCnt="0"/>
      <dgm:spPr/>
    </dgm:pt>
    <dgm:pt modelId="{A568707E-5BF2-490F-A510-559BBECB0614}" type="pres">
      <dgm:prSet presAssocID="{176BDCF3-1F31-4769-8207-05FDA1A97AB1}" presName="node" presStyleLbl="node1" presStyleIdx="3" presStyleCnt="20">
        <dgm:presLayoutVars>
          <dgm:bulletEnabled val="1"/>
        </dgm:presLayoutVars>
      </dgm:prSet>
      <dgm:spPr/>
    </dgm:pt>
    <dgm:pt modelId="{5B044D96-83AE-4115-B9AB-F2E9633C8602}" type="pres">
      <dgm:prSet presAssocID="{9DB9ED14-3135-4547-B1E1-1D3436310673}" presName="sibTrans" presStyleCnt="0"/>
      <dgm:spPr/>
    </dgm:pt>
    <dgm:pt modelId="{F27E04A2-8C6D-4259-807E-49EE539D0AF2}" type="pres">
      <dgm:prSet presAssocID="{D0E0F9C9-25A6-46D3-9E08-B38BF9B363DC}" presName="node" presStyleLbl="node1" presStyleIdx="4" presStyleCnt="20">
        <dgm:presLayoutVars>
          <dgm:bulletEnabled val="1"/>
        </dgm:presLayoutVars>
      </dgm:prSet>
      <dgm:spPr/>
    </dgm:pt>
    <dgm:pt modelId="{20C8DB05-EC2C-42B5-9DA8-0D9E438073FD}" type="pres">
      <dgm:prSet presAssocID="{7D972EA5-8F32-4885-9E42-29D0FACFB934}" presName="sibTrans" presStyleCnt="0"/>
      <dgm:spPr/>
    </dgm:pt>
    <dgm:pt modelId="{2539722D-5F86-4141-9419-B4229FA4497D}" type="pres">
      <dgm:prSet presAssocID="{F2568316-69DD-4380-A111-5D75CEA9428B}" presName="node" presStyleLbl="node1" presStyleIdx="5" presStyleCnt="20">
        <dgm:presLayoutVars>
          <dgm:bulletEnabled val="1"/>
        </dgm:presLayoutVars>
      </dgm:prSet>
      <dgm:spPr/>
    </dgm:pt>
    <dgm:pt modelId="{8B457F4E-692D-4897-8DC9-5D6003D5A639}" type="pres">
      <dgm:prSet presAssocID="{169F47DE-A518-42A8-804F-E165C0931627}" presName="sibTrans" presStyleCnt="0"/>
      <dgm:spPr/>
    </dgm:pt>
    <dgm:pt modelId="{C75919B7-072D-46C6-9E5D-013B4F170A13}" type="pres">
      <dgm:prSet presAssocID="{FE2EFF86-CE41-4CB8-AF67-5D76C1F22581}" presName="node" presStyleLbl="node1" presStyleIdx="6" presStyleCnt="20">
        <dgm:presLayoutVars>
          <dgm:bulletEnabled val="1"/>
        </dgm:presLayoutVars>
      </dgm:prSet>
      <dgm:spPr/>
    </dgm:pt>
    <dgm:pt modelId="{FACB8A5C-159A-41D4-A2FE-DAC13B08137D}" type="pres">
      <dgm:prSet presAssocID="{548FA837-6A42-400B-99A3-2094FDE8F6E4}" presName="sibTrans" presStyleCnt="0"/>
      <dgm:spPr/>
    </dgm:pt>
    <dgm:pt modelId="{35202465-A6DD-413E-8775-AFD5CD084833}" type="pres">
      <dgm:prSet presAssocID="{742728CF-6CE4-474F-ABDA-192FEED45706}" presName="node" presStyleLbl="node1" presStyleIdx="7" presStyleCnt="20">
        <dgm:presLayoutVars>
          <dgm:bulletEnabled val="1"/>
        </dgm:presLayoutVars>
      </dgm:prSet>
      <dgm:spPr/>
    </dgm:pt>
    <dgm:pt modelId="{3FFFFAD2-7B37-4CD6-8FF0-C98D8B0C8B56}" type="pres">
      <dgm:prSet presAssocID="{6638D094-1711-4CC4-BB85-1471EA13E28E}" presName="sibTrans" presStyleCnt="0"/>
      <dgm:spPr/>
    </dgm:pt>
    <dgm:pt modelId="{C8BAF857-CA28-4187-A23C-BA54C66703E5}" type="pres">
      <dgm:prSet presAssocID="{22429489-B389-45E0-AA29-9351197B9F44}" presName="node" presStyleLbl="node1" presStyleIdx="8" presStyleCnt="20">
        <dgm:presLayoutVars>
          <dgm:bulletEnabled val="1"/>
        </dgm:presLayoutVars>
      </dgm:prSet>
      <dgm:spPr/>
    </dgm:pt>
    <dgm:pt modelId="{278F412C-9C9B-4B76-BFAC-FCD90096D0D0}" type="pres">
      <dgm:prSet presAssocID="{537B9D69-6102-420E-8071-45CD7FC8A03B}" presName="sibTrans" presStyleCnt="0"/>
      <dgm:spPr/>
    </dgm:pt>
    <dgm:pt modelId="{9BF07A67-6126-4797-AE49-22D1C85C75EE}" type="pres">
      <dgm:prSet presAssocID="{FAAECFD5-7147-4D68-BE68-19B3E19526A7}" presName="node" presStyleLbl="node1" presStyleIdx="9" presStyleCnt="20">
        <dgm:presLayoutVars>
          <dgm:bulletEnabled val="1"/>
        </dgm:presLayoutVars>
      </dgm:prSet>
      <dgm:spPr/>
    </dgm:pt>
    <dgm:pt modelId="{C2A08567-FB68-4C74-BE8E-84D55377E071}" type="pres">
      <dgm:prSet presAssocID="{E3F100AE-2A06-45A6-B93C-474AF5556281}" presName="sibTrans" presStyleCnt="0"/>
      <dgm:spPr/>
    </dgm:pt>
    <dgm:pt modelId="{8622CE76-D3CF-4387-B274-7F75DBD2E75D}" type="pres">
      <dgm:prSet presAssocID="{8BF7F5F9-E403-4C24-921A-EDCD46F58F16}" presName="node" presStyleLbl="node1" presStyleIdx="10" presStyleCnt="20">
        <dgm:presLayoutVars>
          <dgm:bulletEnabled val="1"/>
        </dgm:presLayoutVars>
      </dgm:prSet>
      <dgm:spPr/>
    </dgm:pt>
    <dgm:pt modelId="{F97E688D-2919-47CD-A37E-88548D672408}" type="pres">
      <dgm:prSet presAssocID="{71C81691-18F2-4C37-A6ED-2B4772463F73}" presName="sibTrans" presStyleCnt="0"/>
      <dgm:spPr/>
    </dgm:pt>
    <dgm:pt modelId="{01AAFED1-6B1A-4C69-BFCB-19C065E4F99B}" type="pres">
      <dgm:prSet presAssocID="{D283A40C-E8BA-451D-A3E6-85735F6A853B}" presName="node" presStyleLbl="node1" presStyleIdx="11" presStyleCnt="20">
        <dgm:presLayoutVars>
          <dgm:bulletEnabled val="1"/>
        </dgm:presLayoutVars>
      </dgm:prSet>
      <dgm:spPr/>
    </dgm:pt>
    <dgm:pt modelId="{C066837A-D267-4F5A-8D77-1EDB9A9A8B9A}" type="pres">
      <dgm:prSet presAssocID="{3A2CFB40-42B4-4AD4-9FC7-199913060BEA}" presName="sibTrans" presStyleCnt="0"/>
      <dgm:spPr/>
    </dgm:pt>
    <dgm:pt modelId="{C457108C-1162-4B13-AE60-9F63D8E2EAF3}" type="pres">
      <dgm:prSet presAssocID="{9CDAB6C9-E864-407D-8412-635DA42A8315}" presName="node" presStyleLbl="node1" presStyleIdx="12" presStyleCnt="20">
        <dgm:presLayoutVars>
          <dgm:bulletEnabled val="1"/>
        </dgm:presLayoutVars>
      </dgm:prSet>
      <dgm:spPr/>
    </dgm:pt>
    <dgm:pt modelId="{8F3D51AD-B374-483A-8E46-E67DE013AC6A}" type="pres">
      <dgm:prSet presAssocID="{BF0A0B4E-F4BC-4E96-8B1C-0DE800DA4299}" presName="sibTrans" presStyleCnt="0"/>
      <dgm:spPr/>
    </dgm:pt>
    <dgm:pt modelId="{79C12F5A-6BB6-4D10-957E-98800420DDB5}" type="pres">
      <dgm:prSet presAssocID="{E71A3FF2-4018-4C7C-A455-FBD98B66E8BB}" presName="node" presStyleLbl="node1" presStyleIdx="13" presStyleCnt="20">
        <dgm:presLayoutVars>
          <dgm:bulletEnabled val="1"/>
        </dgm:presLayoutVars>
      </dgm:prSet>
      <dgm:spPr/>
    </dgm:pt>
    <dgm:pt modelId="{E944C159-8582-4414-90DA-A3A0EAD511F0}" type="pres">
      <dgm:prSet presAssocID="{29A550C6-4E96-4EBE-9C08-B4C9B96ED85B}" presName="sibTrans" presStyleCnt="0"/>
      <dgm:spPr/>
    </dgm:pt>
    <dgm:pt modelId="{587733CB-519C-412E-BD2C-C599C2BF79BD}" type="pres">
      <dgm:prSet presAssocID="{07F14C9A-898D-4DCA-90FE-012F5BC8626B}" presName="node" presStyleLbl="node1" presStyleIdx="14" presStyleCnt="20">
        <dgm:presLayoutVars>
          <dgm:bulletEnabled val="1"/>
        </dgm:presLayoutVars>
      </dgm:prSet>
      <dgm:spPr/>
    </dgm:pt>
    <dgm:pt modelId="{701B2E21-9FD5-4464-9D22-6AEB8FF2F915}" type="pres">
      <dgm:prSet presAssocID="{D9B92574-5630-40BA-B64A-D700402539B6}" presName="sibTrans" presStyleCnt="0"/>
      <dgm:spPr/>
    </dgm:pt>
    <dgm:pt modelId="{904E1AC6-BAEC-4849-BB58-E8AF83600E93}" type="pres">
      <dgm:prSet presAssocID="{842D3F9F-7502-4606-B4B6-5195B31C39BF}" presName="node" presStyleLbl="node1" presStyleIdx="15" presStyleCnt="20">
        <dgm:presLayoutVars>
          <dgm:bulletEnabled val="1"/>
        </dgm:presLayoutVars>
      </dgm:prSet>
      <dgm:spPr/>
    </dgm:pt>
    <dgm:pt modelId="{4DB174AE-B9C2-45F9-B610-7DD20609AC86}" type="pres">
      <dgm:prSet presAssocID="{93461871-BE47-4539-8CAB-E46778BA364F}" presName="sibTrans" presStyleCnt="0"/>
      <dgm:spPr/>
    </dgm:pt>
    <dgm:pt modelId="{BB96D925-BB67-472B-9C0D-87B7615DBE04}" type="pres">
      <dgm:prSet presAssocID="{5DAF02E9-E2D1-4BD7-8E62-88D30EAED39F}" presName="node" presStyleLbl="node1" presStyleIdx="16" presStyleCnt="20">
        <dgm:presLayoutVars>
          <dgm:bulletEnabled val="1"/>
        </dgm:presLayoutVars>
      </dgm:prSet>
      <dgm:spPr/>
    </dgm:pt>
    <dgm:pt modelId="{B5AA59BC-38FB-4295-BFEA-3FAAA47EF0F9}" type="pres">
      <dgm:prSet presAssocID="{11CD5D76-F5C3-4CC7-A97A-8FF9B0EB9D5C}" presName="sibTrans" presStyleCnt="0"/>
      <dgm:spPr/>
    </dgm:pt>
    <dgm:pt modelId="{0FF7AB17-F158-4009-8EF6-7451C76A1963}" type="pres">
      <dgm:prSet presAssocID="{0E59F2EF-4FCB-478F-B7DD-644A4F3F6E21}" presName="node" presStyleLbl="node1" presStyleIdx="17" presStyleCnt="20">
        <dgm:presLayoutVars>
          <dgm:bulletEnabled val="1"/>
        </dgm:presLayoutVars>
      </dgm:prSet>
      <dgm:spPr/>
    </dgm:pt>
    <dgm:pt modelId="{3F6B6734-8DDD-4027-92AD-9AC25604F8A1}" type="pres">
      <dgm:prSet presAssocID="{0060D54A-62F2-4436-9E51-26A737AE4F86}" presName="sibTrans" presStyleCnt="0"/>
      <dgm:spPr/>
    </dgm:pt>
    <dgm:pt modelId="{4737EAB5-BD5A-40FD-9E42-CC55F57D5982}" type="pres">
      <dgm:prSet presAssocID="{B8D509F7-C002-4C3E-8A51-954654A89006}" presName="node" presStyleLbl="node1" presStyleIdx="18" presStyleCnt="20">
        <dgm:presLayoutVars>
          <dgm:bulletEnabled val="1"/>
        </dgm:presLayoutVars>
      </dgm:prSet>
      <dgm:spPr/>
    </dgm:pt>
    <dgm:pt modelId="{CFCAE209-D2EE-4D2A-A169-292EE01F1573}" type="pres">
      <dgm:prSet presAssocID="{BAF6E4EC-9995-4B97-88DC-C259157A6165}" presName="sibTrans" presStyleCnt="0"/>
      <dgm:spPr/>
    </dgm:pt>
    <dgm:pt modelId="{315032E8-B4E0-4D6A-BD52-1D82966BEB00}" type="pres">
      <dgm:prSet presAssocID="{D98CABB0-FC23-4D4D-AB78-6A69072B389D}" presName="node" presStyleLbl="node1" presStyleIdx="19" presStyleCnt="20">
        <dgm:presLayoutVars>
          <dgm:bulletEnabled val="1"/>
        </dgm:presLayoutVars>
      </dgm:prSet>
      <dgm:spPr/>
    </dgm:pt>
  </dgm:ptLst>
  <dgm:cxnLst>
    <dgm:cxn modelId="{9FD80811-A861-4359-B08B-66D2403CBE1D}" type="presOf" srcId="{D98CABB0-FC23-4D4D-AB78-6A69072B389D}" destId="{315032E8-B4E0-4D6A-BD52-1D82966BEB00}" srcOrd="0" destOrd="0" presId="urn:microsoft.com/office/officeart/2005/8/layout/default"/>
    <dgm:cxn modelId="{7039A512-4F52-43AA-ABCD-68A9384DDA1C}" type="presOf" srcId="{D0E0F9C9-25A6-46D3-9E08-B38BF9B363DC}" destId="{F27E04A2-8C6D-4259-807E-49EE539D0AF2}" srcOrd="0" destOrd="0" presId="urn:microsoft.com/office/officeart/2005/8/layout/default"/>
    <dgm:cxn modelId="{32719213-A5DE-48B7-9858-EC88F820FD54}" type="presOf" srcId="{07F14C9A-898D-4DCA-90FE-012F5BC8626B}" destId="{587733CB-519C-412E-BD2C-C599C2BF79BD}" srcOrd="0" destOrd="0" presId="urn:microsoft.com/office/officeart/2005/8/layout/default"/>
    <dgm:cxn modelId="{7142B81C-0DFB-4C22-80BF-56CC96206493}" srcId="{7D003485-B4C4-45F3-A336-AA0B186B84ED}" destId="{E71A3FF2-4018-4C7C-A455-FBD98B66E8BB}" srcOrd="13" destOrd="0" parTransId="{7DAED24F-2D21-4E6A-A4B5-7ED4619AD8A2}" sibTransId="{29A550C6-4E96-4EBE-9C08-B4C9B96ED85B}"/>
    <dgm:cxn modelId="{CBC3801E-A876-4870-B80A-BB0B9C5E7CAE}" srcId="{7D003485-B4C4-45F3-A336-AA0B186B84ED}" destId="{4AFC439C-0FA9-4BE7-8D2B-980AAC1CEF1A}" srcOrd="0" destOrd="0" parTransId="{8C5D9B8E-3BDE-4594-B388-D00DBA403E65}" sibTransId="{5B227BC2-BD60-4209-AB39-2175419F81B1}"/>
    <dgm:cxn modelId="{F427C322-2985-490C-B842-F10CBFB77EA4}" type="presOf" srcId="{B8D509F7-C002-4C3E-8A51-954654A89006}" destId="{4737EAB5-BD5A-40FD-9E42-CC55F57D5982}" srcOrd="0" destOrd="0" presId="urn:microsoft.com/office/officeart/2005/8/layout/default"/>
    <dgm:cxn modelId="{C6771730-5C10-4A2A-B92A-F36016109C0C}" srcId="{7D003485-B4C4-45F3-A336-AA0B186B84ED}" destId="{742728CF-6CE4-474F-ABDA-192FEED45706}" srcOrd="7" destOrd="0" parTransId="{91D2E90C-1572-4931-8C91-515567549CDD}" sibTransId="{6638D094-1711-4CC4-BB85-1471EA13E28E}"/>
    <dgm:cxn modelId="{B6BF1D40-EA8A-4586-A232-4F3DC5948602}" type="presOf" srcId="{8BF7F5F9-E403-4C24-921A-EDCD46F58F16}" destId="{8622CE76-D3CF-4387-B274-7F75DBD2E75D}" srcOrd="0" destOrd="0" presId="urn:microsoft.com/office/officeart/2005/8/layout/default"/>
    <dgm:cxn modelId="{8B028540-C56D-4387-B952-1A44AC5D0BE7}" srcId="{7D003485-B4C4-45F3-A336-AA0B186B84ED}" destId="{C5014A89-4F3D-40FB-87E6-41137980F04C}" srcOrd="1" destOrd="0" parTransId="{359E9B35-9884-48E8-BDD6-BF086893FAFC}" sibTransId="{5F84A498-5A32-46BE-93B2-4376819C4F80}"/>
    <dgm:cxn modelId="{2367475B-5267-41E6-ACEB-93CFF74CEF6F}" srcId="{7D003485-B4C4-45F3-A336-AA0B186B84ED}" destId="{8BF7F5F9-E403-4C24-921A-EDCD46F58F16}" srcOrd="10" destOrd="0" parTransId="{2B9E972F-C46F-4EF0-B584-8B2B2AB5E8AE}" sibTransId="{71C81691-18F2-4C37-A6ED-2B4772463F73}"/>
    <dgm:cxn modelId="{4842A16D-DE8F-40F7-AF81-9C2407A54BC7}" type="presOf" srcId="{176BDCF3-1F31-4769-8207-05FDA1A97AB1}" destId="{A568707E-5BF2-490F-A510-559BBECB0614}" srcOrd="0" destOrd="0" presId="urn:microsoft.com/office/officeart/2005/8/layout/default"/>
    <dgm:cxn modelId="{8D15976F-D214-4C59-97EE-6CEDC2A07EF3}" srcId="{7D003485-B4C4-45F3-A336-AA0B186B84ED}" destId="{176BDCF3-1F31-4769-8207-05FDA1A97AB1}" srcOrd="3" destOrd="0" parTransId="{F4F8E12A-17FD-47F8-BD6D-1A259D178C1B}" sibTransId="{9DB9ED14-3135-4547-B1E1-1D3436310673}"/>
    <dgm:cxn modelId="{115A3450-1CE0-4EBE-BD3C-FA81082DDEB4}" type="presOf" srcId="{F2568316-69DD-4380-A111-5D75CEA9428B}" destId="{2539722D-5F86-4141-9419-B4229FA4497D}" srcOrd="0" destOrd="0" presId="urn:microsoft.com/office/officeart/2005/8/layout/default"/>
    <dgm:cxn modelId="{02516D50-B0A8-496C-BDFC-5EB0CA6E88C3}" srcId="{7D003485-B4C4-45F3-A336-AA0B186B84ED}" destId="{B8D509F7-C002-4C3E-8A51-954654A89006}" srcOrd="18" destOrd="0" parTransId="{1244DD71-AB33-4A4A-A634-8A29533CC646}" sibTransId="{BAF6E4EC-9995-4B97-88DC-C259157A6165}"/>
    <dgm:cxn modelId="{DA2DE27E-22E5-4FA6-8E77-99B32E9D968B}" type="presOf" srcId="{842D3F9F-7502-4606-B4B6-5195B31C39BF}" destId="{904E1AC6-BAEC-4849-BB58-E8AF83600E93}" srcOrd="0" destOrd="0" presId="urn:microsoft.com/office/officeart/2005/8/layout/default"/>
    <dgm:cxn modelId="{2FD02384-9C8F-40D2-81BE-A20E901CF782}" srcId="{7D003485-B4C4-45F3-A336-AA0B186B84ED}" destId="{D283A40C-E8BA-451D-A3E6-85735F6A853B}" srcOrd="11" destOrd="0" parTransId="{6BD50EDC-8E5C-428E-8AD5-F077FECF85AD}" sibTransId="{3A2CFB40-42B4-4AD4-9FC7-199913060BEA}"/>
    <dgm:cxn modelId="{E94A5D87-223A-4458-8F55-E9F2F120EF81}" type="presOf" srcId="{FAAECFD5-7147-4D68-BE68-19B3E19526A7}" destId="{9BF07A67-6126-4797-AE49-22D1C85C75EE}" srcOrd="0" destOrd="0" presId="urn:microsoft.com/office/officeart/2005/8/layout/default"/>
    <dgm:cxn modelId="{44109588-5E5C-4E32-AAB7-A1A9BD579DDE}" type="presOf" srcId="{0E59F2EF-4FCB-478F-B7DD-644A4F3F6E21}" destId="{0FF7AB17-F158-4009-8EF6-7451C76A1963}" srcOrd="0" destOrd="0" presId="urn:microsoft.com/office/officeart/2005/8/layout/default"/>
    <dgm:cxn modelId="{69CA8C94-8B60-480A-850B-667BBFE9ED8C}" srcId="{7D003485-B4C4-45F3-A336-AA0B186B84ED}" destId="{F2568316-69DD-4380-A111-5D75CEA9428B}" srcOrd="5" destOrd="0" parTransId="{D27E3533-EBBF-4CC4-95F0-FE7846572717}" sibTransId="{169F47DE-A518-42A8-804F-E165C0931627}"/>
    <dgm:cxn modelId="{C2B95D95-3843-44A8-9D3B-5F638FE6FF29}" srcId="{7D003485-B4C4-45F3-A336-AA0B186B84ED}" destId="{07F14C9A-898D-4DCA-90FE-012F5BC8626B}" srcOrd="14" destOrd="0" parTransId="{E3968313-8E04-45D5-8941-16392954049E}" sibTransId="{D9B92574-5630-40BA-B64A-D700402539B6}"/>
    <dgm:cxn modelId="{B61EE39C-82C5-42B0-BD79-1EBA6741190A}" type="presOf" srcId="{9CDAB6C9-E864-407D-8412-635DA42A8315}" destId="{C457108C-1162-4B13-AE60-9F63D8E2EAF3}" srcOrd="0" destOrd="0" presId="urn:microsoft.com/office/officeart/2005/8/layout/default"/>
    <dgm:cxn modelId="{80FF5CA9-7458-4853-88D7-F0A2A714BCEA}" type="presOf" srcId="{D283A40C-E8BA-451D-A3E6-85735F6A853B}" destId="{01AAFED1-6B1A-4C69-BFCB-19C065E4F99B}" srcOrd="0" destOrd="0" presId="urn:microsoft.com/office/officeart/2005/8/layout/default"/>
    <dgm:cxn modelId="{9CE743AB-E929-4C90-A259-CCAA4B088DA0}" srcId="{7D003485-B4C4-45F3-A336-AA0B186B84ED}" destId="{FAAECFD5-7147-4D68-BE68-19B3E19526A7}" srcOrd="9" destOrd="0" parTransId="{34C5B28E-2366-4E70-8D69-F42A97F6200D}" sibTransId="{E3F100AE-2A06-45A6-B93C-474AF5556281}"/>
    <dgm:cxn modelId="{D517A2AB-FB40-49A5-BCC8-41E21B076756}" srcId="{7D003485-B4C4-45F3-A336-AA0B186B84ED}" destId="{0E59F2EF-4FCB-478F-B7DD-644A4F3F6E21}" srcOrd="17" destOrd="0" parTransId="{714287F9-E695-4BD4-A3F8-2B2070612231}" sibTransId="{0060D54A-62F2-4436-9E51-26A737AE4F86}"/>
    <dgm:cxn modelId="{102437AC-1E14-4345-8CB3-7610040BD54A}" srcId="{7D003485-B4C4-45F3-A336-AA0B186B84ED}" destId="{D98CABB0-FC23-4D4D-AB78-6A69072B389D}" srcOrd="19" destOrd="0" parTransId="{06169E2E-63AE-4042-949C-CA273033BCE3}" sibTransId="{139E08E4-9CD0-48B3-B35C-1AECBA18885E}"/>
    <dgm:cxn modelId="{D6917EAC-F150-416C-87C6-B97D35964F58}" type="presOf" srcId="{4AFC439C-0FA9-4BE7-8D2B-980AAC1CEF1A}" destId="{DBD68BBA-7630-45A3-BEC3-AB40B0F9B4A3}" srcOrd="0" destOrd="0" presId="urn:microsoft.com/office/officeart/2005/8/layout/default"/>
    <dgm:cxn modelId="{9EE7EDAC-96D9-4D50-8DBF-A230E2CA768D}" srcId="{7D003485-B4C4-45F3-A336-AA0B186B84ED}" destId="{DEE9250C-4024-40A2-B077-CF63DBFAAEA5}" srcOrd="2" destOrd="0" parTransId="{2B87F92F-4708-4C9B-9E97-1A3C1699F6DF}" sibTransId="{0226948A-F0F2-4441-92EE-F1B01E8E28DF}"/>
    <dgm:cxn modelId="{9EF839B9-C964-4943-A753-24FAF8905EA6}" type="presOf" srcId="{C5014A89-4F3D-40FB-87E6-41137980F04C}" destId="{0FA4B12B-DC1D-4909-8CBD-4DA9AB66A61E}" srcOrd="0" destOrd="0" presId="urn:microsoft.com/office/officeart/2005/8/layout/default"/>
    <dgm:cxn modelId="{965EB4BA-98DB-484B-BE16-94B402735314}" type="presOf" srcId="{7D003485-B4C4-45F3-A336-AA0B186B84ED}" destId="{3D4943FC-E67E-4656-AE92-05EBA48F322B}" srcOrd="0" destOrd="0" presId="urn:microsoft.com/office/officeart/2005/8/layout/default"/>
    <dgm:cxn modelId="{59BD18BD-60A5-4B29-8DBA-24A870A70AB1}" type="presOf" srcId="{DEE9250C-4024-40A2-B077-CF63DBFAAEA5}" destId="{920325CA-6476-4297-B948-438E01E8FD6C}" srcOrd="0" destOrd="0" presId="urn:microsoft.com/office/officeart/2005/8/layout/default"/>
    <dgm:cxn modelId="{6C44C6BF-810F-45FA-8D3D-E0FD8594B356}" srcId="{7D003485-B4C4-45F3-A336-AA0B186B84ED}" destId="{D0E0F9C9-25A6-46D3-9E08-B38BF9B363DC}" srcOrd="4" destOrd="0" parTransId="{6E2D3BED-1A1D-4D7C-87E7-239E62066322}" sibTransId="{7D972EA5-8F32-4885-9E42-29D0FACFB934}"/>
    <dgm:cxn modelId="{F71C4AC1-B321-4E30-86F4-18C94E1D2A3A}" srcId="{7D003485-B4C4-45F3-A336-AA0B186B84ED}" destId="{9CDAB6C9-E864-407D-8412-635DA42A8315}" srcOrd="12" destOrd="0" parTransId="{5B2C6573-DF5E-42D3-84AB-5CA666BB074C}" sibTransId="{BF0A0B4E-F4BC-4E96-8B1C-0DE800DA4299}"/>
    <dgm:cxn modelId="{D06ADFC3-6E86-4F9D-9265-BA23E26E1A1C}" type="presOf" srcId="{FE2EFF86-CE41-4CB8-AF67-5D76C1F22581}" destId="{C75919B7-072D-46C6-9E5D-013B4F170A13}" srcOrd="0" destOrd="0" presId="urn:microsoft.com/office/officeart/2005/8/layout/default"/>
    <dgm:cxn modelId="{24F2E6C7-FFEB-4644-95AC-0FF8EEF225AF}" srcId="{7D003485-B4C4-45F3-A336-AA0B186B84ED}" destId="{5DAF02E9-E2D1-4BD7-8E62-88D30EAED39F}" srcOrd="16" destOrd="0" parTransId="{05DBC741-3659-4C51-8139-8C56FBAAACA2}" sibTransId="{11CD5D76-F5C3-4CC7-A97A-8FF9B0EB9D5C}"/>
    <dgm:cxn modelId="{35575FD9-8CBD-434D-8662-33B0C0646B12}" type="presOf" srcId="{742728CF-6CE4-474F-ABDA-192FEED45706}" destId="{35202465-A6DD-413E-8775-AFD5CD084833}" srcOrd="0" destOrd="0" presId="urn:microsoft.com/office/officeart/2005/8/layout/default"/>
    <dgm:cxn modelId="{707C5FDB-A1A3-4CA4-83F8-252315F4ED38}" type="presOf" srcId="{22429489-B389-45E0-AA29-9351197B9F44}" destId="{C8BAF857-CA28-4187-A23C-BA54C66703E5}" srcOrd="0" destOrd="0" presId="urn:microsoft.com/office/officeart/2005/8/layout/default"/>
    <dgm:cxn modelId="{C83BA9E9-722B-48AC-ACA5-761FFC53C3D8}" srcId="{7D003485-B4C4-45F3-A336-AA0B186B84ED}" destId="{842D3F9F-7502-4606-B4B6-5195B31C39BF}" srcOrd="15" destOrd="0" parTransId="{872D1CBC-8C8A-4E1D-84A7-9A18DC42B3DD}" sibTransId="{93461871-BE47-4539-8CAB-E46778BA364F}"/>
    <dgm:cxn modelId="{69EAA8F1-D5D6-4F2B-9B12-029346940305}" type="presOf" srcId="{5DAF02E9-E2D1-4BD7-8E62-88D30EAED39F}" destId="{BB96D925-BB67-472B-9C0D-87B7615DBE04}" srcOrd="0" destOrd="0" presId="urn:microsoft.com/office/officeart/2005/8/layout/default"/>
    <dgm:cxn modelId="{14DC5FF3-0B35-4DE3-AE14-33864F9D97BC}" type="presOf" srcId="{E71A3FF2-4018-4C7C-A455-FBD98B66E8BB}" destId="{79C12F5A-6BB6-4D10-957E-98800420DDB5}" srcOrd="0" destOrd="0" presId="urn:microsoft.com/office/officeart/2005/8/layout/default"/>
    <dgm:cxn modelId="{5E3A51FA-A9D9-4D1A-9DC8-6D0A4C634BF7}" srcId="{7D003485-B4C4-45F3-A336-AA0B186B84ED}" destId="{FE2EFF86-CE41-4CB8-AF67-5D76C1F22581}" srcOrd="6" destOrd="0" parTransId="{A0611033-DC37-4EEA-AEBC-8ED5236B130D}" sibTransId="{548FA837-6A42-400B-99A3-2094FDE8F6E4}"/>
    <dgm:cxn modelId="{FCA2A1FB-E62E-4106-99D2-16413D187C41}" srcId="{7D003485-B4C4-45F3-A336-AA0B186B84ED}" destId="{22429489-B389-45E0-AA29-9351197B9F44}" srcOrd="8" destOrd="0" parTransId="{939607CC-4BE4-4A4A-AB05-602288AF30AC}" sibTransId="{537B9D69-6102-420E-8071-45CD7FC8A03B}"/>
    <dgm:cxn modelId="{D89A24DD-F3A6-44AD-8561-D908D5637321}" type="presParOf" srcId="{3D4943FC-E67E-4656-AE92-05EBA48F322B}" destId="{DBD68BBA-7630-45A3-BEC3-AB40B0F9B4A3}" srcOrd="0" destOrd="0" presId="urn:microsoft.com/office/officeart/2005/8/layout/default"/>
    <dgm:cxn modelId="{2A0EB512-3854-4567-9CAE-471D61C16DBE}" type="presParOf" srcId="{3D4943FC-E67E-4656-AE92-05EBA48F322B}" destId="{C7595A08-DB71-4E75-9F78-24A31031CA27}" srcOrd="1" destOrd="0" presId="urn:microsoft.com/office/officeart/2005/8/layout/default"/>
    <dgm:cxn modelId="{D96C7A4E-F933-480B-91F9-35C67D51D1B7}" type="presParOf" srcId="{3D4943FC-E67E-4656-AE92-05EBA48F322B}" destId="{0FA4B12B-DC1D-4909-8CBD-4DA9AB66A61E}" srcOrd="2" destOrd="0" presId="urn:microsoft.com/office/officeart/2005/8/layout/default"/>
    <dgm:cxn modelId="{242E10DD-A69D-4A0E-8A10-CA0518833E1C}" type="presParOf" srcId="{3D4943FC-E67E-4656-AE92-05EBA48F322B}" destId="{6F293EF7-F8E9-4461-AA21-3E09FBF0C384}" srcOrd="3" destOrd="0" presId="urn:microsoft.com/office/officeart/2005/8/layout/default"/>
    <dgm:cxn modelId="{AA387D8A-E902-4E9D-AB13-7A90565A1078}" type="presParOf" srcId="{3D4943FC-E67E-4656-AE92-05EBA48F322B}" destId="{920325CA-6476-4297-B948-438E01E8FD6C}" srcOrd="4" destOrd="0" presId="urn:microsoft.com/office/officeart/2005/8/layout/default"/>
    <dgm:cxn modelId="{A2C096AA-173A-499D-B16F-3AD9FCABDF45}" type="presParOf" srcId="{3D4943FC-E67E-4656-AE92-05EBA48F322B}" destId="{5E119581-FEE1-4B0F-84AF-D1F67EA6CCEE}" srcOrd="5" destOrd="0" presId="urn:microsoft.com/office/officeart/2005/8/layout/default"/>
    <dgm:cxn modelId="{36A20BA0-396C-4A98-9E3C-8AC2A23E4B77}" type="presParOf" srcId="{3D4943FC-E67E-4656-AE92-05EBA48F322B}" destId="{A568707E-5BF2-490F-A510-559BBECB0614}" srcOrd="6" destOrd="0" presId="urn:microsoft.com/office/officeart/2005/8/layout/default"/>
    <dgm:cxn modelId="{4B954FDA-82D8-47B8-BB6B-2EC91FBE6456}" type="presParOf" srcId="{3D4943FC-E67E-4656-AE92-05EBA48F322B}" destId="{5B044D96-83AE-4115-B9AB-F2E9633C8602}" srcOrd="7" destOrd="0" presId="urn:microsoft.com/office/officeart/2005/8/layout/default"/>
    <dgm:cxn modelId="{32D3AE08-20E0-40C6-A8F8-692158501297}" type="presParOf" srcId="{3D4943FC-E67E-4656-AE92-05EBA48F322B}" destId="{F27E04A2-8C6D-4259-807E-49EE539D0AF2}" srcOrd="8" destOrd="0" presId="urn:microsoft.com/office/officeart/2005/8/layout/default"/>
    <dgm:cxn modelId="{05AB644E-F5D9-4D5E-80F3-95CAFD070341}" type="presParOf" srcId="{3D4943FC-E67E-4656-AE92-05EBA48F322B}" destId="{20C8DB05-EC2C-42B5-9DA8-0D9E438073FD}" srcOrd="9" destOrd="0" presId="urn:microsoft.com/office/officeart/2005/8/layout/default"/>
    <dgm:cxn modelId="{55341D13-9C46-4EBB-B55E-EB91A39749F0}" type="presParOf" srcId="{3D4943FC-E67E-4656-AE92-05EBA48F322B}" destId="{2539722D-5F86-4141-9419-B4229FA4497D}" srcOrd="10" destOrd="0" presId="urn:microsoft.com/office/officeart/2005/8/layout/default"/>
    <dgm:cxn modelId="{6ACC7DB3-1DFF-4C42-A023-76E3DA4775B0}" type="presParOf" srcId="{3D4943FC-E67E-4656-AE92-05EBA48F322B}" destId="{8B457F4E-692D-4897-8DC9-5D6003D5A639}" srcOrd="11" destOrd="0" presId="urn:microsoft.com/office/officeart/2005/8/layout/default"/>
    <dgm:cxn modelId="{495B481C-D69B-4517-903E-EBCF864A7C18}" type="presParOf" srcId="{3D4943FC-E67E-4656-AE92-05EBA48F322B}" destId="{C75919B7-072D-46C6-9E5D-013B4F170A13}" srcOrd="12" destOrd="0" presId="urn:microsoft.com/office/officeart/2005/8/layout/default"/>
    <dgm:cxn modelId="{1163D356-4A61-4B68-B8A0-957740CD66F5}" type="presParOf" srcId="{3D4943FC-E67E-4656-AE92-05EBA48F322B}" destId="{FACB8A5C-159A-41D4-A2FE-DAC13B08137D}" srcOrd="13" destOrd="0" presId="urn:microsoft.com/office/officeart/2005/8/layout/default"/>
    <dgm:cxn modelId="{D022979B-83D2-48A3-8AC8-A9B792A6AD93}" type="presParOf" srcId="{3D4943FC-E67E-4656-AE92-05EBA48F322B}" destId="{35202465-A6DD-413E-8775-AFD5CD084833}" srcOrd="14" destOrd="0" presId="urn:microsoft.com/office/officeart/2005/8/layout/default"/>
    <dgm:cxn modelId="{7F258FAE-132C-48A8-A938-815D613793C8}" type="presParOf" srcId="{3D4943FC-E67E-4656-AE92-05EBA48F322B}" destId="{3FFFFAD2-7B37-4CD6-8FF0-C98D8B0C8B56}" srcOrd="15" destOrd="0" presId="urn:microsoft.com/office/officeart/2005/8/layout/default"/>
    <dgm:cxn modelId="{7D4D02DD-02B4-4EEE-9D15-A0E5F09B6C4A}" type="presParOf" srcId="{3D4943FC-E67E-4656-AE92-05EBA48F322B}" destId="{C8BAF857-CA28-4187-A23C-BA54C66703E5}" srcOrd="16" destOrd="0" presId="urn:microsoft.com/office/officeart/2005/8/layout/default"/>
    <dgm:cxn modelId="{EBF2687C-DA46-417A-A887-FFF8A749E410}" type="presParOf" srcId="{3D4943FC-E67E-4656-AE92-05EBA48F322B}" destId="{278F412C-9C9B-4B76-BFAC-FCD90096D0D0}" srcOrd="17" destOrd="0" presId="urn:microsoft.com/office/officeart/2005/8/layout/default"/>
    <dgm:cxn modelId="{DC846288-22D2-4621-8F1B-55C5B6B64F9A}" type="presParOf" srcId="{3D4943FC-E67E-4656-AE92-05EBA48F322B}" destId="{9BF07A67-6126-4797-AE49-22D1C85C75EE}" srcOrd="18" destOrd="0" presId="urn:microsoft.com/office/officeart/2005/8/layout/default"/>
    <dgm:cxn modelId="{9260DAFF-ADAD-4893-9951-47BF8C2DCF5F}" type="presParOf" srcId="{3D4943FC-E67E-4656-AE92-05EBA48F322B}" destId="{C2A08567-FB68-4C74-BE8E-84D55377E071}" srcOrd="19" destOrd="0" presId="urn:microsoft.com/office/officeart/2005/8/layout/default"/>
    <dgm:cxn modelId="{BD99A090-BF17-4F90-AAEF-5053A8579C3A}" type="presParOf" srcId="{3D4943FC-E67E-4656-AE92-05EBA48F322B}" destId="{8622CE76-D3CF-4387-B274-7F75DBD2E75D}" srcOrd="20" destOrd="0" presId="urn:microsoft.com/office/officeart/2005/8/layout/default"/>
    <dgm:cxn modelId="{3061DB32-CD52-4B16-A370-5EF2B8653CE9}" type="presParOf" srcId="{3D4943FC-E67E-4656-AE92-05EBA48F322B}" destId="{F97E688D-2919-47CD-A37E-88548D672408}" srcOrd="21" destOrd="0" presId="urn:microsoft.com/office/officeart/2005/8/layout/default"/>
    <dgm:cxn modelId="{21141E02-3D24-4EDE-A3A4-379607A68FBB}" type="presParOf" srcId="{3D4943FC-E67E-4656-AE92-05EBA48F322B}" destId="{01AAFED1-6B1A-4C69-BFCB-19C065E4F99B}" srcOrd="22" destOrd="0" presId="urn:microsoft.com/office/officeart/2005/8/layout/default"/>
    <dgm:cxn modelId="{04897793-5585-40BE-B48C-7006226E4382}" type="presParOf" srcId="{3D4943FC-E67E-4656-AE92-05EBA48F322B}" destId="{C066837A-D267-4F5A-8D77-1EDB9A9A8B9A}" srcOrd="23" destOrd="0" presId="urn:microsoft.com/office/officeart/2005/8/layout/default"/>
    <dgm:cxn modelId="{59979E7E-80E2-4AB8-B78F-F88B57D4425E}" type="presParOf" srcId="{3D4943FC-E67E-4656-AE92-05EBA48F322B}" destId="{C457108C-1162-4B13-AE60-9F63D8E2EAF3}" srcOrd="24" destOrd="0" presId="urn:microsoft.com/office/officeart/2005/8/layout/default"/>
    <dgm:cxn modelId="{47354071-2BCE-403F-8B01-1AE296DCCE54}" type="presParOf" srcId="{3D4943FC-E67E-4656-AE92-05EBA48F322B}" destId="{8F3D51AD-B374-483A-8E46-E67DE013AC6A}" srcOrd="25" destOrd="0" presId="urn:microsoft.com/office/officeart/2005/8/layout/default"/>
    <dgm:cxn modelId="{33DF658B-5BDE-4A1C-B277-5448257DC6F4}" type="presParOf" srcId="{3D4943FC-E67E-4656-AE92-05EBA48F322B}" destId="{79C12F5A-6BB6-4D10-957E-98800420DDB5}" srcOrd="26" destOrd="0" presId="urn:microsoft.com/office/officeart/2005/8/layout/default"/>
    <dgm:cxn modelId="{F2A2FA99-FFF8-4058-88C5-B363B8D4CECC}" type="presParOf" srcId="{3D4943FC-E67E-4656-AE92-05EBA48F322B}" destId="{E944C159-8582-4414-90DA-A3A0EAD511F0}" srcOrd="27" destOrd="0" presId="urn:microsoft.com/office/officeart/2005/8/layout/default"/>
    <dgm:cxn modelId="{3DB79670-698F-4D5B-B453-EBAB8CC0642A}" type="presParOf" srcId="{3D4943FC-E67E-4656-AE92-05EBA48F322B}" destId="{587733CB-519C-412E-BD2C-C599C2BF79BD}" srcOrd="28" destOrd="0" presId="urn:microsoft.com/office/officeart/2005/8/layout/default"/>
    <dgm:cxn modelId="{0B07BD58-6C2F-4C5B-9DB0-C081057204B2}" type="presParOf" srcId="{3D4943FC-E67E-4656-AE92-05EBA48F322B}" destId="{701B2E21-9FD5-4464-9D22-6AEB8FF2F915}" srcOrd="29" destOrd="0" presId="urn:microsoft.com/office/officeart/2005/8/layout/default"/>
    <dgm:cxn modelId="{1438A85B-93E6-437D-87F9-55229900C775}" type="presParOf" srcId="{3D4943FC-E67E-4656-AE92-05EBA48F322B}" destId="{904E1AC6-BAEC-4849-BB58-E8AF83600E93}" srcOrd="30" destOrd="0" presId="urn:microsoft.com/office/officeart/2005/8/layout/default"/>
    <dgm:cxn modelId="{65D9E1D2-7651-4F54-861D-8BC14A141FCD}" type="presParOf" srcId="{3D4943FC-E67E-4656-AE92-05EBA48F322B}" destId="{4DB174AE-B9C2-45F9-B610-7DD20609AC86}" srcOrd="31" destOrd="0" presId="urn:microsoft.com/office/officeart/2005/8/layout/default"/>
    <dgm:cxn modelId="{E6EEC3D3-62FF-4CE4-92EC-7B641D8F37BC}" type="presParOf" srcId="{3D4943FC-E67E-4656-AE92-05EBA48F322B}" destId="{BB96D925-BB67-472B-9C0D-87B7615DBE04}" srcOrd="32" destOrd="0" presId="urn:microsoft.com/office/officeart/2005/8/layout/default"/>
    <dgm:cxn modelId="{32C30856-75C7-464F-8CA7-9D7E85309D2E}" type="presParOf" srcId="{3D4943FC-E67E-4656-AE92-05EBA48F322B}" destId="{B5AA59BC-38FB-4295-BFEA-3FAAA47EF0F9}" srcOrd="33" destOrd="0" presId="urn:microsoft.com/office/officeart/2005/8/layout/default"/>
    <dgm:cxn modelId="{E1FC9381-0838-49E7-B1AF-A33DA36E8AC7}" type="presParOf" srcId="{3D4943FC-E67E-4656-AE92-05EBA48F322B}" destId="{0FF7AB17-F158-4009-8EF6-7451C76A1963}" srcOrd="34" destOrd="0" presId="urn:microsoft.com/office/officeart/2005/8/layout/default"/>
    <dgm:cxn modelId="{2F3D6E76-B17E-4F7B-B8B4-144456BDA42C}" type="presParOf" srcId="{3D4943FC-E67E-4656-AE92-05EBA48F322B}" destId="{3F6B6734-8DDD-4027-92AD-9AC25604F8A1}" srcOrd="35" destOrd="0" presId="urn:microsoft.com/office/officeart/2005/8/layout/default"/>
    <dgm:cxn modelId="{5EFFD750-CAD7-4BD2-99F6-B691D9E0B51A}" type="presParOf" srcId="{3D4943FC-E67E-4656-AE92-05EBA48F322B}" destId="{4737EAB5-BD5A-40FD-9E42-CC55F57D5982}" srcOrd="36" destOrd="0" presId="urn:microsoft.com/office/officeart/2005/8/layout/default"/>
    <dgm:cxn modelId="{1C7DFB98-2023-4FB1-953F-17BA0AFFF611}" type="presParOf" srcId="{3D4943FC-E67E-4656-AE92-05EBA48F322B}" destId="{CFCAE209-D2EE-4D2A-A169-292EE01F1573}" srcOrd="37" destOrd="0" presId="urn:microsoft.com/office/officeart/2005/8/layout/default"/>
    <dgm:cxn modelId="{0A93727A-5A47-4AA8-9B4B-4D581133DB9A}" type="presParOf" srcId="{3D4943FC-E67E-4656-AE92-05EBA48F322B}" destId="{315032E8-B4E0-4D6A-BD52-1D82966BEB00}" srcOrd="3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6B4A8B00-32CF-4C43-8925-20151EFF5FF2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9F0AFFD7-5E27-4E0C-93A2-9B2EC99CBD33}">
      <dgm:prSet/>
      <dgm:spPr/>
      <dgm:t>
        <a:bodyPr/>
        <a:lstStyle/>
        <a:p>
          <a:r>
            <a:rPr lang="en-US"/>
            <a:t>Top 50.</a:t>
          </a:r>
        </a:p>
      </dgm:t>
    </dgm:pt>
    <dgm:pt modelId="{40B2DC4E-6863-4245-920A-0C1CC97A7522}" type="parTrans" cxnId="{55C19598-5F46-4DF1-B17B-79DC743A5BC7}">
      <dgm:prSet/>
      <dgm:spPr/>
      <dgm:t>
        <a:bodyPr/>
        <a:lstStyle/>
        <a:p>
          <a:endParaRPr lang="en-US"/>
        </a:p>
      </dgm:t>
    </dgm:pt>
    <dgm:pt modelId="{5C898E5A-05B7-4165-9496-2623800258DF}" type="sibTrans" cxnId="{55C19598-5F46-4DF1-B17B-79DC743A5BC7}">
      <dgm:prSet/>
      <dgm:spPr/>
      <dgm:t>
        <a:bodyPr/>
        <a:lstStyle/>
        <a:p>
          <a:endParaRPr lang="en-US"/>
        </a:p>
      </dgm:t>
    </dgm:pt>
    <dgm:pt modelId="{16D27C2A-0005-440C-8BEB-5B3E56AEC3BD}">
      <dgm:prSet/>
      <dgm:spPr/>
      <dgm:t>
        <a:bodyPr/>
        <a:lstStyle/>
        <a:p>
          <a:r>
            <a:rPr lang="en-US"/>
            <a:t>Course Assignments.</a:t>
          </a:r>
        </a:p>
      </dgm:t>
    </dgm:pt>
    <dgm:pt modelId="{653E4150-1C41-40FF-9840-4CB2A51CE6AA}" type="parTrans" cxnId="{1602CE96-DEF7-4C81-BE61-C5D216239678}">
      <dgm:prSet/>
      <dgm:spPr/>
      <dgm:t>
        <a:bodyPr/>
        <a:lstStyle/>
        <a:p>
          <a:endParaRPr lang="en-US"/>
        </a:p>
      </dgm:t>
    </dgm:pt>
    <dgm:pt modelId="{7A908DFD-4222-41DF-BDFC-1A4B8E7828E1}" type="sibTrans" cxnId="{1602CE96-DEF7-4C81-BE61-C5D216239678}">
      <dgm:prSet/>
      <dgm:spPr/>
      <dgm:t>
        <a:bodyPr/>
        <a:lstStyle/>
        <a:p>
          <a:endParaRPr lang="en-US"/>
        </a:p>
      </dgm:t>
    </dgm:pt>
    <dgm:pt modelId="{D20B6967-A24C-4CB9-A8A7-6C8895140047}">
      <dgm:prSet/>
      <dgm:spPr/>
      <dgm:t>
        <a:bodyPr/>
        <a:lstStyle/>
        <a:p>
          <a:r>
            <a:rPr lang="en-US"/>
            <a:t>Send a confirmation mail after submitting an assignment.</a:t>
          </a:r>
        </a:p>
      </dgm:t>
    </dgm:pt>
    <dgm:pt modelId="{24559FD7-B2C0-4077-A700-01F0DA2EAF6E}" type="parTrans" cxnId="{BA7C6337-CCF5-4597-BD78-01552B7CF724}">
      <dgm:prSet/>
      <dgm:spPr/>
      <dgm:t>
        <a:bodyPr/>
        <a:lstStyle/>
        <a:p>
          <a:endParaRPr lang="en-US"/>
        </a:p>
      </dgm:t>
    </dgm:pt>
    <dgm:pt modelId="{3D6E4F2C-997D-4FAD-9D90-6CE46DBDE4F3}" type="sibTrans" cxnId="{BA7C6337-CCF5-4597-BD78-01552B7CF724}">
      <dgm:prSet/>
      <dgm:spPr/>
      <dgm:t>
        <a:bodyPr/>
        <a:lstStyle/>
        <a:p>
          <a:endParaRPr lang="en-US"/>
        </a:p>
      </dgm:t>
    </dgm:pt>
    <dgm:pt modelId="{94880FEA-4D27-486B-8190-636F817C8957}">
      <dgm:prSet/>
      <dgm:spPr/>
      <dgm:t>
        <a:bodyPr/>
        <a:lstStyle/>
        <a:p>
          <a:r>
            <a:rPr lang="en-US"/>
            <a:t>Course Read-only and Archive.</a:t>
          </a:r>
        </a:p>
      </dgm:t>
    </dgm:pt>
    <dgm:pt modelId="{4E90D44E-909B-4BDF-947C-01F0CDDCD1B7}" type="parTrans" cxnId="{D862FFCE-3EB9-493A-ABD2-92DAB8CFEB56}">
      <dgm:prSet/>
      <dgm:spPr/>
      <dgm:t>
        <a:bodyPr/>
        <a:lstStyle/>
        <a:p>
          <a:endParaRPr lang="en-US"/>
        </a:p>
      </dgm:t>
    </dgm:pt>
    <dgm:pt modelId="{4C9B7EC4-F6DC-4675-BE52-35A2190801EF}" type="sibTrans" cxnId="{D862FFCE-3EB9-493A-ABD2-92DAB8CFEB56}">
      <dgm:prSet/>
      <dgm:spPr/>
      <dgm:t>
        <a:bodyPr/>
        <a:lstStyle/>
        <a:p>
          <a:endParaRPr lang="en-US"/>
        </a:p>
      </dgm:t>
    </dgm:pt>
    <dgm:pt modelId="{C9E6985C-F5D9-47D1-BF08-225DC736DFC5}">
      <dgm:prSet/>
      <dgm:spPr/>
      <dgm:t>
        <a:bodyPr/>
        <a:lstStyle/>
        <a:p>
          <a:r>
            <a:rPr lang="en-US"/>
            <a:t>Support Files (file, audio, video, and link).</a:t>
          </a:r>
        </a:p>
      </dgm:t>
    </dgm:pt>
    <dgm:pt modelId="{EF5939B2-0BCC-485E-BD0C-D00A4C1F231B}" type="parTrans" cxnId="{2C2ACD3E-C47C-4D7D-8B2A-2884F7071774}">
      <dgm:prSet/>
      <dgm:spPr/>
      <dgm:t>
        <a:bodyPr/>
        <a:lstStyle/>
        <a:p>
          <a:endParaRPr lang="en-US"/>
        </a:p>
      </dgm:t>
    </dgm:pt>
    <dgm:pt modelId="{538F50DD-0764-47C1-81C0-84EF8DCF2511}" type="sibTrans" cxnId="{2C2ACD3E-C47C-4D7D-8B2A-2884F7071774}">
      <dgm:prSet/>
      <dgm:spPr/>
      <dgm:t>
        <a:bodyPr/>
        <a:lstStyle/>
        <a:p>
          <a:endParaRPr lang="en-US"/>
        </a:p>
      </dgm:t>
    </dgm:pt>
    <dgm:pt modelId="{B774A81D-E180-4DDC-AFCF-D8E9D82D798E}">
      <dgm:prSet/>
      <dgm:spPr/>
      <dgm:t>
        <a:bodyPr/>
        <a:lstStyle/>
        <a:p>
          <a:r>
            <a:rPr lang="en-US"/>
            <a:t>Exams (offline, online, exam locations).</a:t>
          </a:r>
        </a:p>
      </dgm:t>
    </dgm:pt>
    <dgm:pt modelId="{5669D714-56F9-4FC4-87F8-DBD847DF7684}" type="parTrans" cxnId="{2C40DB2B-AE96-4402-A8F4-2A579181578C}">
      <dgm:prSet/>
      <dgm:spPr/>
      <dgm:t>
        <a:bodyPr/>
        <a:lstStyle/>
        <a:p>
          <a:endParaRPr lang="en-US"/>
        </a:p>
      </dgm:t>
    </dgm:pt>
    <dgm:pt modelId="{F1295B69-FB89-48A7-98E3-0F6CB3B6D677}" type="sibTrans" cxnId="{2C40DB2B-AE96-4402-A8F4-2A579181578C}">
      <dgm:prSet/>
      <dgm:spPr/>
      <dgm:t>
        <a:bodyPr/>
        <a:lstStyle/>
        <a:p>
          <a:endParaRPr lang="en-US"/>
        </a:p>
      </dgm:t>
    </dgm:pt>
    <dgm:pt modelId="{E8775D5E-8BB7-4E20-9D60-D64617A3D27A}">
      <dgm:prSet/>
      <dgm:spPr/>
      <dgm:t>
        <a:bodyPr/>
        <a:lstStyle/>
        <a:p>
          <a:r>
            <a:rPr lang="en-US"/>
            <a:t>Course Discussion.</a:t>
          </a:r>
        </a:p>
      </dgm:t>
    </dgm:pt>
    <dgm:pt modelId="{77CAF13A-FA16-42DF-8D0A-9AB6DAEA7307}" type="parTrans" cxnId="{422331EA-E782-437D-BF7B-FF7D400E5B42}">
      <dgm:prSet/>
      <dgm:spPr/>
      <dgm:t>
        <a:bodyPr/>
        <a:lstStyle/>
        <a:p>
          <a:endParaRPr lang="en-US"/>
        </a:p>
      </dgm:t>
    </dgm:pt>
    <dgm:pt modelId="{3AB64361-82CC-4BE0-8534-A66680139A22}" type="sibTrans" cxnId="{422331EA-E782-437D-BF7B-FF7D400E5B42}">
      <dgm:prSet/>
      <dgm:spPr/>
      <dgm:t>
        <a:bodyPr/>
        <a:lstStyle/>
        <a:p>
          <a:endParaRPr lang="en-US"/>
        </a:p>
      </dgm:t>
    </dgm:pt>
    <dgm:pt modelId="{9B179429-A635-4B1B-ABE3-ABE1C48F4580}">
      <dgm:prSet/>
      <dgm:spPr/>
      <dgm:t>
        <a:bodyPr/>
        <a:lstStyle/>
        <a:p>
          <a:r>
            <a:rPr lang="en-US"/>
            <a:t>Poll System (Course Poll, General Poll).</a:t>
          </a:r>
        </a:p>
      </dgm:t>
    </dgm:pt>
    <dgm:pt modelId="{D289CF45-55A0-4B29-B46E-6938F3028ED5}" type="parTrans" cxnId="{CDE0D8E1-E81A-4B46-95DB-FD0800EDA01D}">
      <dgm:prSet/>
      <dgm:spPr/>
      <dgm:t>
        <a:bodyPr/>
        <a:lstStyle/>
        <a:p>
          <a:endParaRPr lang="en-US"/>
        </a:p>
      </dgm:t>
    </dgm:pt>
    <dgm:pt modelId="{9F8FD757-831E-4822-BF31-8B79091F7EF2}" type="sibTrans" cxnId="{CDE0D8E1-E81A-4B46-95DB-FD0800EDA01D}">
      <dgm:prSet/>
      <dgm:spPr/>
      <dgm:t>
        <a:bodyPr/>
        <a:lstStyle/>
        <a:p>
          <a:endParaRPr lang="en-US"/>
        </a:p>
      </dgm:t>
    </dgm:pt>
    <dgm:pt modelId="{4B2B8508-02C4-416C-A2B1-8418C9D7706F}">
      <dgm:prSet/>
      <dgm:spPr/>
      <dgm:t>
        <a:bodyPr/>
        <a:lstStyle/>
        <a:p>
          <a:r>
            <a:rPr lang="en-US"/>
            <a:t>Activity Stream.</a:t>
          </a:r>
        </a:p>
      </dgm:t>
    </dgm:pt>
    <dgm:pt modelId="{70A9E305-F6C8-4505-BF84-8276B50329F4}" type="parTrans" cxnId="{1E030EF5-DCA4-4C27-BCD7-D5CF69C87DF1}">
      <dgm:prSet/>
      <dgm:spPr/>
      <dgm:t>
        <a:bodyPr/>
        <a:lstStyle/>
        <a:p>
          <a:endParaRPr lang="en-US"/>
        </a:p>
      </dgm:t>
    </dgm:pt>
    <dgm:pt modelId="{69A224D9-1B7B-4919-A5B0-4951558EB64E}" type="sibTrans" cxnId="{1E030EF5-DCA4-4C27-BCD7-D5CF69C87DF1}">
      <dgm:prSet/>
      <dgm:spPr/>
      <dgm:t>
        <a:bodyPr/>
        <a:lstStyle/>
        <a:p>
          <a:endParaRPr lang="en-US"/>
        </a:p>
      </dgm:t>
    </dgm:pt>
    <dgm:pt modelId="{7846A5C8-3978-4219-9C33-864CE51C9D0C}">
      <dgm:prSet/>
      <dgm:spPr/>
      <dgm:t>
        <a:bodyPr/>
        <a:lstStyle/>
        <a:p>
          <a:r>
            <a:rPr lang="en-US"/>
            <a:t>Event Registration (register to attend a meeting).</a:t>
          </a:r>
        </a:p>
      </dgm:t>
    </dgm:pt>
    <dgm:pt modelId="{6FD1E7AB-22DD-4CC1-87A5-562EB41F8E3D}" type="parTrans" cxnId="{43FD29C0-BE54-4B1D-92C7-75C0411CDAAB}">
      <dgm:prSet/>
      <dgm:spPr/>
      <dgm:t>
        <a:bodyPr/>
        <a:lstStyle/>
        <a:p>
          <a:endParaRPr lang="en-US"/>
        </a:p>
      </dgm:t>
    </dgm:pt>
    <dgm:pt modelId="{5C9A7D14-226F-48F2-964C-7B2911346C28}" type="sibTrans" cxnId="{43FD29C0-BE54-4B1D-92C7-75C0411CDAAB}">
      <dgm:prSet/>
      <dgm:spPr/>
      <dgm:t>
        <a:bodyPr/>
        <a:lstStyle/>
        <a:p>
          <a:endParaRPr lang="en-US"/>
        </a:p>
      </dgm:t>
    </dgm:pt>
    <dgm:pt modelId="{3B27B1C7-22A3-42E8-847E-3EA47CE00099}">
      <dgm:prSet/>
      <dgm:spPr/>
      <dgm:t>
        <a:bodyPr/>
        <a:lstStyle/>
        <a:p>
          <a:r>
            <a:rPr lang="en-US"/>
            <a:t>Grouping System (Course Groups).</a:t>
          </a:r>
        </a:p>
      </dgm:t>
    </dgm:pt>
    <dgm:pt modelId="{C63C1523-C0E1-4B74-B5F2-0F0AF8ABD85B}" type="parTrans" cxnId="{A260B9FB-C4EE-4CA3-895C-BD435307251A}">
      <dgm:prSet/>
      <dgm:spPr/>
      <dgm:t>
        <a:bodyPr/>
        <a:lstStyle/>
        <a:p>
          <a:endParaRPr lang="en-US"/>
        </a:p>
      </dgm:t>
    </dgm:pt>
    <dgm:pt modelId="{0F7D8E6F-F3CA-4A2A-9CEF-B96039271ACE}" type="sibTrans" cxnId="{A260B9FB-C4EE-4CA3-895C-BD435307251A}">
      <dgm:prSet/>
      <dgm:spPr/>
      <dgm:t>
        <a:bodyPr/>
        <a:lstStyle/>
        <a:p>
          <a:endParaRPr lang="en-US"/>
        </a:p>
      </dgm:t>
    </dgm:pt>
    <dgm:pt modelId="{24E9B149-BB60-4F78-9793-2B577B1B4FF9}">
      <dgm:prSet/>
      <dgm:spPr/>
      <dgm:t>
        <a:bodyPr/>
        <a:lstStyle/>
        <a:p>
          <a:r>
            <a:rPr lang="en-US"/>
            <a:t>Arabic Support.</a:t>
          </a:r>
        </a:p>
      </dgm:t>
    </dgm:pt>
    <dgm:pt modelId="{FFF505D2-4C08-4EE3-AF94-BCD0A1C6EB18}" type="parTrans" cxnId="{B4C3C497-CFBB-41AD-8A4F-32160EE87062}">
      <dgm:prSet/>
      <dgm:spPr/>
      <dgm:t>
        <a:bodyPr/>
        <a:lstStyle/>
        <a:p>
          <a:endParaRPr lang="en-US"/>
        </a:p>
      </dgm:t>
    </dgm:pt>
    <dgm:pt modelId="{8FFE0716-93F9-47A8-8AF6-D67019870E33}" type="sibTrans" cxnId="{B4C3C497-CFBB-41AD-8A4F-32160EE87062}">
      <dgm:prSet/>
      <dgm:spPr/>
      <dgm:t>
        <a:bodyPr/>
        <a:lstStyle/>
        <a:p>
          <a:endParaRPr lang="en-US"/>
        </a:p>
      </dgm:t>
    </dgm:pt>
    <dgm:pt modelId="{6CCE803D-4F13-4272-AC37-8FA0D83B2CB1}">
      <dgm:prSet/>
      <dgm:spPr/>
      <dgm:t>
        <a:bodyPr/>
        <a:lstStyle/>
        <a:p>
          <a:r>
            <a:rPr lang="en-US"/>
            <a:t>Help Guide.</a:t>
          </a:r>
        </a:p>
      </dgm:t>
    </dgm:pt>
    <dgm:pt modelId="{E24DDE83-0FA5-41F9-A2A1-2542728F2E47}" type="parTrans" cxnId="{515599A0-B0FD-4AD9-9F53-1D9B769B2B65}">
      <dgm:prSet/>
      <dgm:spPr/>
      <dgm:t>
        <a:bodyPr/>
        <a:lstStyle/>
        <a:p>
          <a:endParaRPr lang="en-US"/>
        </a:p>
      </dgm:t>
    </dgm:pt>
    <dgm:pt modelId="{BB3540BC-BA84-4731-BFCB-1AD57FAD309E}" type="sibTrans" cxnId="{515599A0-B0FD-4AD9-9F53-1D9B769B2B65}">
      <dgm:prSet/>
      <dgm:spPr/>
      <dgm:t>
        <a:bodyPr/>
        <a:lstStyle/>
        <a:p>
          <a:endParaRPr lang="en-US"/>
        </a:p>
      </dgm:t>
    </dgm:pt>
    <dgm:pt modelId="{4843EB5E-7BD7-4C0F-89D1-3E7CF2D376BE}">
      <dgm:prSet/>
      <dgm:spPr/>
      <dgm:t>
        <a:bodyPr/>
        <a:lstStyle/>
        <a:p>
          <a:r>
            <a:rPr lang="en-US"/>
            <a:t>Notification System.</a:t>
          </a:r>
        </a:p>
      </dgm:t>
    </dgm:pt>
    <dgm:pt modelId="{79BE11C2-2749-4700-9BAA-FB9929479B2B}" type="parTrans" cxnId="{B51BB17B-62EB-4F8D-B469-B28D93F0BDA6}">
      <dgm:prSet/>
      <dgm:spPr/>
      <dgm:t>
        <a:bodyPr/>
        <a:lstStyle/>
        <a:p>
          <a:endParaRPr lang="en-US"/>
        </a:p>
      </dgm:t>
    </dgm:pt>
    <dgm:pt modelId="{710DB7F7-E113-4A76-A863-5E94118BF6D2}" type="sibTrans" cxnId="{B51BB17B-62EB-4F8D-B469-B28D93F0BDA6}">
      <dgm:prSet/>
      <dgm:spPr/>
      <dgm:t>
        <a:bodyPr/>
        <a:lstStyle/>
        <a:p>
          <a:endParaRPr lang="en-US"/>
        </a:p>
      </dgm:t>
    </dgm:pt>
    <dgm:pt modelId="{8F22FA9C-9F84-46E9-BB8D-FB0775FB810D}">
      <dgm:prSet/>
      <dgm:spPr/>
      <dgm:t>
        <a:bodyPr/>
        <a:lstStyle/>
        <a:p>
          <a:r>
            <a:rPr lang="en-US"/>
            <a:t>Folder Sync (like git).</a:t>
          </a:r>
        </a:p>
      </dgm:t>
    </dgm:pt>
    <dgm:pt modelId="{18FFA3D2-B14D-4078-BC8D-9DE0BEDA38D2}" type="parTrans" cxnId="{D8457639-94BA-4772-A9E5-C0A32CDA5C80}">
      <dgm:prSet/>
      <dgm:spPr/>
      <dgm:t>
        <a:bodyPr/>
        <a:lstStyle/>
        <a:p>
          <a:endParaRPr lang="en-US"/>
        </a:p>
      </dgm:t>
    </dgm:pt>
    <dgm:pt modelId="{06ADF9A3-4ED6-4911-87B7-BD1CCFDF97A8}" type="sibTrans" cxnId="{D8457639-94BA-4772-A9E5-C0A32CDA5C80}">
      <dgm:prSet/>
      <dgm:spPr/>
      <dgm:t>
        <a:bodyPr/>
        <a:lstStyle/>
        <a:p>
          <a:endParaRPr lang="en-US"/>
        </a:p>
      </dgm:t>
    </dgm:pt>
    <dgm:pt modelId="{8AD952D4-E805-4370-B548-C1B19341D2F0}" type="pres">
      <dgm:prSet presAssocID="{6B4A8B00-32CF-4C43-8925-20151EFF5FF2}" presName="diagram" presStyleCnt="0">
        <dgm:presLayoutVars>
          <dgm:dir/>
          <dgm:resizeHandles val="exact"/>
        </dgm:presLayoutVars>
      </dgm:prSet>
      <dgm:spPr/>
    </dgm:pt>
    <dgm:pt modelId="{BEAFA636-F036-4067-8306-8E1077149CC5}" type="pres">
      <dgm:prSet presAssocID="{9F0AFFD7-5E27-4E0C-93A2-9B2EC99CBD33}" presName="node" presStyleLbl="node1" presStyleIdx="0" presStyleCnt="15">
        <dgm:presLayoutVars>
          <dgm:bulletEnabled val="1"/>
        </dgm:presLayoutVars>
      </dgm:prSet>
      <dgm:spPr/>
    </dgm:pt>
    <dgm:pt modelId="{4B519E15-152B-47E6-9D7A-CA9CCE85D564}" type="pres">
      <dgm:prSet presAssocID="{5C898E5A-05B7-4165-9496-2623800258DF}" presName="sibTrans" presStyleCnt="0"/>
      <dgm:spPr/>
    </dgm:pt>
    <dgm:pt modelId="{7B680296-D20F-41AC-BE23-F665FBE414E1}" type="pres">
      <dgm:prSet presAssocID="{16D27C2A-0005-440C-8BEB-5B3E56AEC3BD}" presName="node" presStyleLbl="node1" presStyleIdx="1" presStyleCnt="15">
        <dgm:presLayoutVars>
          <dgm:bulletEnabled val="1"/>
        </dgm:presLayoutVars>
      </dgm:prSet>
      <dgm:spPr/>
    </dgm:pt>
    <dgm:pt modelId="{784C65C3-EC7D-4FF9-BE18-D09849482334}" type="pres">
      <dgm:prSet presAssocID="{7A908DFD-4222-41DF-BDFC-1A4B8E7828E1}" presName="sibTrans" presStyleCnt="0"/>
      <dgm:spPr/>
    </dgm:pt>
    <dgm:pt modelId="{DED5D4C8-F204-4BF1-9E5D-FCCDFDFB7902}" type="pres">
      <dgm:prSet presAssocID="{D20B6967-A24C-4CB9-A8A7-6C8895140047}" presName="node" presStyleLbl="node1" presStyleIdx="2" presStyleCnt="15">
        <dgm:presLayoutVars>
          <dgm:bulletEnabled val="1"/>
        </dgm:presLayoutVars>
      </dgm:prSet>
      <dgm:spPr/>
    </dgm:pt>
    <dgm:pt modelId="{4AD4A46E-0FF5-4D21-88D8-246852FB9133}" type="pres">
      <dgm:prSet presAssocID="{3D6E4F2C-997D-4FAD-9D90-6CE46DBDE4F3}" presName="sibTrans" presStyleCnt="0"/>
      <dgm:spPr/>
    </dgm:pt>
    <dgm:pt modelId="{A5F96D23-5E4C-4911-A897-9870E02F8FAE}" type="pres">
      <dgm:prSet presAssocID="{94880FEA-4D27-486B-8190-636F817C8957}" presName="node" presStyleLbl="node1" presStyleIdx="3" presStyleCnt="15">
        <dgm:presLayoutVars>
          <dgm:bulletEnabled val="1"/>
        </dgm:presLayoutVars>
      </dgm:prSet>
      <dgm:spPr/>
    </dgm:pt>
    <dgm:pt modelId="{52724084-9847-4F23-8964-49C7FB3321FE}" type="pres">
      <dgm:prSet presAssocID="{4C9B7EC4-F6DC-4675-BE52-35A2190801EF}" presName="sibTrans" presStyleCnt="0"/>
      <dgm:spPr/>
    </dgm:pt>
    <dgm:pt modelId="{FF2A7923-3261-417C-A5CF-B2B72A874449}" type="pres">
      <dgm:prSet presAssocID="{C9E6985C-F5D9-47D1-BF08-225DC736DFC5}" presName="node" presStyleLbl="node1" presStyleIdx="4" presStyleCnt="15">
        <dgm:presLayoutVars>
          <dgm:bulletEnabled val="1"/>
        </dgm:presLayoutVars>
      </dgm:prSet>
      <dgm:spPr/>
    </dgm:pt>
    <dgm:pt modelId="{5ADB4A47-85F4-4A4B-BA30-A7BF92EB4464}" type="pres">
      <dgm:prSet presAssocID="{538F50DD-0764-47C1-81C0-84EF8DCF2511}" presName="sibTrans" presStyleCnt="0"/>
      <dgm:spPr/>
    </dgm:pt>
    <dgm:pt modelId="{F4018D3B-9231-4625-9E9B-873FB508533F}" type="pres">
      <dgm:prSet presAssocID="{B774A81D-E180-4DDC-AFCF-D8E9D82D798E}" presName="node" presStyleLbl="node1" presStyleIdx="5" presStyleCnt="15">
        <dgm:presLayoutVars>
          <dgm:bulletEnabled val="1"/>
        </dgm:presLayoutVars>
      </dgm:prSet>
      <dgm:spPr/>
    </dgm:pt>
    <dgm:pt modelId="{F2E49F11-C485-42E6-9B35-8CE50BE950B9}" type="pres">
      <dgm:prSet presAssocID="{F1295B69-FB89-48A7-98E3-0F6CB3B6D677}" presName="sibTrans" presStyleCnt="0"/>
      <dgm:spPr/>
    </dgm:pt>
    <dgm:pt modelId="{2DE8C632-89F8-43E4-9352-EBFDAB82B610}" type="pres">
      <dgm:prSet presAssocID="{E8775D5E-8BB7-4E20-9D60-D64617A3D27A}" presName="node" presStyleLbl="node1" presStyleIdx="6" presStyleCnt="15">
        <dgm:presLayoutVars>
          <dgm:bulletEnabled val="1"/>
        </dgm:presLayoutVars>
      </dgm:prSet>
      <dgm:spPr/>
    </dgm:pt>
    <dgm:pt modelId="{589E5106-D602-4050-8E59-BEE6EE86B219}" type="pres">
      <dgm:prSet presAssocID="{3AB64361-82CC-4BE0-8534-A66680139A22}" presName="sibTrans" presStyleCnt="0"/>
      <dgm:spPr/>
    </dgm:pt>
    <dgm:pt modelId="{3A219345-76D0-45D3-9CEC-6B1AA4754021}" type="pres">
      <dgm:prSet presAssocID="{9B179429-A635-4B1B-ABE3-ABE1C48F4580}" presName="node" presStyleLbl="node1" presStyleIdx="7" presStyleCnt="15">
        <dgm:presLayoutVars>
          <dgm:bulletEnabled val="1"/>
        </dgm:presLayoutVars>
      </dgm:prSet>
      <dgm:spPr/>
    </dgm:pt>
    <dgm:pt modelId="{11354284-9872-4AA9-9B03-974B6E55ECBF}" type="pres">
      <dgm:prSet presAssocID="{9F8FD757-831E-4822-BF31-8B79091F7EF2}" presName="sibTrans" presStyleCnt="0"/>
      <dgm:spPr/>
    </dgm:pt>
    <dgm:pt modelId="{22C7BCCF-0F0E-40DA-98A0-6EE095BCE86C}" type="pres">
      <dgm:prSet presAssocID="{4B2B8508-02C4-416C-A2B1-8418C9D7706F}" presName="node" presStyleLbl="node1" presStyleIdx="8" presStyleCnt="15">
        <dgm:presLayoutVars>
          <dgm:bulletEnabled val="1"/>
        </dgm:presLayoutVars>
      </dgm:prSet>
      <dgm:spPr/>
    </dgm:pt>
    <dgm:pt modelId="{4BE0B994-AF34-4E14-9EA3-17FFCBBBF8A9}" type="pres">
      <dgm:prSet presAssocID="{69A224D9-1B7B-4919-A5B0-4951558EB64E}" presName="sibTrans" presStyleCnt="0"/>
      <dgm:spPr/>
    </dgm:pt>
    <dgm:pt modelId="{61DD6956-970C-4E86-B809-0879CC24ED96}" type="pres">
      <dgm:prSet presAssocID="{7846A5C8-3978-4219-9C33-864CE51C9D0C}" presName="node" presStyleLbl="node1" presStyleIdx="9" presStyleCnt="15">
        <dgm:presLayoutVars>
          <dgm:bulletEnabled val="1"/>
        </dgm:presLayoutVars>
      </dgm:prSet>
      <dgm:spPr/>
    </dgm:pt>
    <dgm:pt modelId="{64CF4DB5-6CF5-45DC-A8DA-378A6BD4951A}" type="pres">
      <dgm:prSet presAssocID="{5C9A7D14-226F-48F2-964C-7B2911346C28}" presName="sibTrans" presStyleCnt="0"/>
      <dgm:spPr/>
    </dgm:pt>
    <dgm:pt modelId="{3B96B0AC-BD9B-4803-96F8-907F6EBC4854}" type="pres">
      <dgm:prSet presAssocID="{3B27B1C7-22A3-42E8-847E-3EA47CE00099}" presName="node" presStyleLbl="node1" presStyleIdx="10" presStyleCnt="15">
        <dgm:presLayoutVars>
          <dgm:bulletEnabled val="1"/>
        </dgm:presLayoutVars>
      </dgm:prSet>
      <dgm:spPr/>
    </dgm:pt>
    <dgm:pt modelId="{E2E3725E-281B-474C-B799-66B0C7C97C85}" type="pres">
      <dgm:prSet presAssocID="{0F7D8E6F-F3CA-4A2A-9CEF-B96039271ACE}" presName="sibTrans" presStyleCnt="0"/>
      <dgm:spPr/>
    </dgm:pt>
    <dgm:pt modelId="{FB989F4B-016E-4D0E-A148-487337998E6A}" type="pres">
      <dgm:prSet presAssocID="{24E9B149-BB60-4F78-9793-2B577B1B4FF9}" presName="node" presStyleLbl="node1" presStyleIdx="11" presStyleCnt="15">
        <dgm:presLayoutVars>
          <dgm:bulletEnabled val="1"/>
        </dgm:presLayoutVars>
      </dgm:prSet>
      <dgm:spPr/>
    </dgm:pt>
    <dgm:pt modelId="{0C55D326-801D-46E7-896B-AC62B61988A0}" type="pres">
      <dgm:prSet presAssocID="{8FFE0716-93F9-47A8-8AF6-D67019870E33}" presName="sibTrans" presStyleCnt="0"/>
      <dgm:spPr/>
    </dgm:pt>
    <dgm:pt modelId="{56B639E7-EBAE-46D9-A72E-6C63AFBB0FA2}" type="pres">
      <dgm:prSet presAssocID="{6CCE803D-4F13-4272-AC37-8FA0D83B2CB1}" presName="node" presStyleLbl="node1" presStyleIdx="12" presStyleCnt="15">
        <dgm:presLayoutVars>
          <dgm:bulletEnabled val="1"/>
        </dgm:presLayoutVars>
      </dgm:prSet>
      <dgm:spPr/>
    </dgm:pt>
    <dgm:pt modelId="{EEFE2ED1-2322-4606-9CC9-17154A2127FF}" type="pres">
      <dgm:prSet presAssocID="{BB3540BC-BA84-4731-BFCB-1AD57FAD309E}" presName="sibTrans" presStyleCnt="0"/>
      <dgm:spPr/>
    </dgm:pt>
    <dgm:pt modelId="{943BB919-AA33-43BD-972C-A260446934DB}" type="pres">
      <dgm:prSet presAssocID="{4843EB5E-7BD7-4C0F-89D1-3E7CF2D376BE}" presName="node" presStyleLbl="node1" presStyleIdx="13" presStyleCnt="15">
        <dgm:presLayoutVars>
          <dgm:bulletEnabled val="1"/>
        </dgm:presLayoutVars>
      </dgm:prSet>
      <dgm:spPr/>
    </dgm:pt>
    <dgm:pt modelId="{E80AF7DD-7D89-44DE-9F00-B72D40E5C1D8}" type="pres">
      <dgm:prSet presAssocID="{710DB7F7-E113-4A76-A863-5E94118BF6D2}" presName="sibTrans" presStyleCnt="0"/>
      <dgm:spPr/>
    </dgm:pt>
    <dgm:pt modelId="{C0C57047-B459-4937-90BC-38E7E6CD92AA}" type="pres">
      <dgm:prSet presAssocID="{8F22FA9C-9F84-46E9-BB8D-FB0775FB810D}" presName="node" presStyleLbl="node1" presStyleIdx="14" presStyleCnt="15">
        <dgm:presLayoutVars>
          <dgm:bulletEnabled val="1"/>
        </dgm:presLayoutVars>
      </dgm:prSet>
      <dgm:spPr/>
    </dgm:pt>
  </dgm:ptLst>
  <dgm:cxnLst>
    <dgm:cxn modelId="{31F0C401-351F-423C-BCBA-5D4BDB643810}" type="presOf" srcId="{9F0AFFD7-5E27-4E0C-93A2-9B2EC99CBD33}" destId="{BEAFA636-F036-4067-8306-8E1077149CC5}" srcOrd="0" destOrd="0" presId="urn:microsoft.com/office/officeart/2005/8/layout/default"/>
    <dgm:cxn modelId="{7A945014-5681-4CC7-B9A5-5F152F3588E4}" type="presOf" srcId="{B774A81D-E180-4DDC-AFCF-D8E9D82D798E}" destId="{F4018D3B-9231-4625-9E9B-873FB508533F}" srcOrd="0" destOrd="0" presId="urn:microsoft.com/office/officeart/2005/8/layout/default"/>
    <dgm:cxn modelId="{F76DB419-8A0E-42F9-896B-98AB5CBC18A7}" type="presOf" srcId="{E8775D5E-8BB7-4E20-9D60-D64617A3D27A}" destId="{2DE8C632-89F8-43E4-9352-EBFDAB82B610}" srcOrd="0" destOrd="0" presId="urn:microsoft.com/office/officeart/2005/8/layout/default"/>
    <dgm:cxn modelId="{2C40DB2B-AE96-4402-A8F4-2A579181578C}" srcId="{6B4A8B00-32CF-4C43-8925-20151EFF5FF2}" destId="{B774A81D-E180-4DDC-AFCF-D8E9D82D798E}" srcOrd="5" destOrd="0" parTransId="{5669D714-56F9-4FC4-87F8-DBD847DF7684}" sibTransId="{F1295B69-FB89-48A7-98E3-0F6CB3B6D677}"/>
    <dgm:cxn modelId="{2C33C92E-B800-4BAB-96B2-0F9285B7CA3C}" type="presOf" srcId="{24E9B149-BB60-4F78-9793-2B577B1B4FF9}" destId="{FB989F4B-016E-4D0E-A148-487337998E6A}" srcOrd="0" destOrd="0" presId="urn:microsoft.com/office/officeart/2005/8/layout/default"/>
    <dgm:cxn modelId="{BA7C6337-CCF5-4597-BD78-01552B7CF724}" srcId="{6B4A8B00-32CF-4C43-8925-20151EFF5FF2}" destId="{D20B6967-A24C-4CB9-A8A7-6C8895140047}" srcOrd="2" destOrd="0" parTransId="{24559FD7-B2C0-4077-A700-01F0DA2EAF6E}" sibTransId="{3D6E4F2C-997D-4FAD-9D90-6CE46DBDE4F3}"/>
    <dgm:cxn modelId="{D8457639-94BA-4772-A9E5-C0A32CDA5C80}" srcId="{6B4A8B00-32CF-4C43-8925-20151EFF5FF2}" destId="{8F22FA9C-9F84-46E9-BB8D-FB0775FB810D}" srcOrd="14" destOrd="0" parTransId="{18FFA3D2-B14D-4078-BC8D-9DE0BEDA38D2}" sibTransId="{06ADF9A3-4ED6-4911-87B7-BD1CCFDF97A8}"/>
    <dgm:cxn modelId="{3995EE3B-2019-4272-B5F6-86EC9EA26905}" type="presOf" srcId="{8F22FA9C-9F84-46E9-BB8D-FB0775FB810D}" destId="{C0C57047-B459-4937-90BC-38E7E6CD92AA}" srcOrd="0" destOrd="0" presId="urn:microsoft.com/office/officeart/2005/8/layout/default"/>
    <dgm:cxn modelId="{2C2ACD3E-C47C-4D7D-8B2A-2884F7071774}" srcId="{6B4A8B00-32CF-4C43-8925-20151EFF5FF2}" destId="{C9E6985C-F5D9-47D1-BF08-225DC736DFC5}" srcOrd="4" destOrd="0" parTransId="{EF5939B2-0BCC-485E-BD0C-D00A4C1F231B}" sibTransId="{538F50DD-0764-47C1-81C0-84EF8DCF2511}"/>
    <dgm:cxn modelId="{1F373645-C009-4669-B3DC-B9F761D65070}" type="presOf" srcId="{6CCE803D-4F13-4272-AC37-8FA0D83B2CB1}" destId="{56B639E7-EBAE-46D9-A72E-6C63AFBB0FA2}" srcOrd="0" destOrd="0" presId="urn:microsoft.com/office/officeart/2005/8/layout/default"/>
    <dgm:cxn modelId="{88103B67-5ABC-4346-AE59-342B3A307105}" type="presOf" srcId="{3B27B1C7-22A3-42E8-847E-3EA47CE00099}" destId="{3B96B0AC-BD9B-4803-96F8-907F6EBC4854}" srcOrd="0" destOrd="0" presId="urn:microsoft.com/office/officeart/2005/8/layout/default"/>
    <dgm:cxn modelId="{8FE7646F-3BC9-4319-97AD-1AACF9978124}" type="presOf" srcId="{4B2B8508-02C4-416C-A2B1-8418C9D7706F}" destId="{22C7BCCF-0F0E-40DA-98A0-6EE095BCE86C}" srcOrd="0" destOrd="0" presId="urn:microsoft.com/office/officeart/2005/8/layout/default"/>
    <dgm:cxn modelId="{98BCEB6F-1FE4-4CB6-B728-0A4E6D08227A}" type="presOf" srcId="{7846A5C8-3978-4219-9C33-864CE51C9D0C}" destId="{61DD6956-970C-4E86-B809-0879CC24ED96}" srcOrd="0" destOrd="0" presId="urn:microsoft.com/office/officeart/2005/8/layout/default"/>
    <dgm:cxn modelId="{B51BB17B-62EB-4F8D-B469-B28D93F0BDA6}" srcId="{6B4A8B00-32CF-4C43-8925-20151EFF5FF2}" destId="{4843EB5E-7BD7-4C0F-89D1-3E7CF2D376BE}" srcOrd="13" destOrd="0" parTransId="{79BE11C2-2749-4700-9BAA-FB9929479B2B}" sibTransId="{710DB7F7-E113-4A76-A863-5E94118BF6D2}"/>
    <dgm:cxn modelId="{CAA38087-2BE9-4994-9929-1C25A83BD11E}" type="presOf" srcId="{D20B6967-A24C-4CB9-A8A7-6C8895140047}" destId="{DED5D4C8-F204-4BF1-9E5D-FCCDFDFB7902}" srcOrd="0" destOrd="0" presId="urn:microsoft.com/office/officeart/2005/8/layout/default"/>
    <dgm:cxn modelId="{1602CE96-DEF7-4C81-BE61-C5D216239678}" srcId="{6B4A8B00-32CF-4C43-8925-20151EFF5FF2}" destId="{16D27C2A-0005-440C-8BEB-5B3E56AEC3BD}" srcOrd="1" destOrd="0" parTransId="{653E4150-1C41-40FF-9840-4CB2A51CE6AA}" sibTransId="{7A908DFD-4222-41DF-BDFC-1A4B8E7828E1}"/>
    <dgm:cxn modelId="{B4C3C497-CFBB-41AD-8A4F-32160EE87062}" srcId="{6B4A8B00-32CF-4C43-8925-20151EFF5FF2}" destId="{24E9B149-BB60-4F78-9793-2B577B1B4FF9}" srcOrd="11" destOrd="0" parTransId="{FFF505D2-4C08-4EE3-AF94-BCD0A1C6EB18}" sibTransId="{8FFE0716-93F9-47A8-8AF6-D67019870E33}"/>
    <dgm:cxn modelId="{55C19598-5F46-4DF1-B17B-79DC743A5BC7}" srcId="{6B4A8B00-32CF-4C43-8925-20151EFF5FF2}" destId="{9F0AFFD7-5E27-4E0C-93A2-9B2EC99CBD33}" srcOrd="0" destOrd="0" parTransId="{40B2DC4E-6863-4245-920A-0C1CC97A7522}" sibTransId="{5C898E5A-05B7-4165-9496-2623800258DF}"/>
    <dgm:cxn modelId="{515599A0-B0FD-4AD9-9F53-1D9B769B2B65}" srcId="{6B4A8B00-32CF-4C43-8925-20151EFF5FF2}" destId="{6CCE803D-4F13-4272-AC37-8FA0D83B2CB1}" srcOrd="12" destOrd="0" parTransId="{E24DDE83-0FA5-41F9-A2A1-2542728F2E47}" sibTransId="{BB3540BC-BA84-4731-BFCB-1AD57FAD309E}"/>
    <dgm:cxn modelId="{5E215AA6-FE8C-4F13-8D45-10AE2752B4EA}" type="presOf" srcId="{16D27C2A-0005-440C-8BEB-5B3E56AEC3BD}" destId="{7B680296-D20F-41AC-BE23-F665FBE414E1}" srcOrd="0" destOrd="0" presId="urn:microsoft.com/office/officeart/2005/8/layout/default"/>
    <dgm:cxn modelId="{43FD29C0-BE54-4B1D-92C7-75C0411CDAAB}" srcId="{6B4A8B00-32CF-4C43-8925-20151EFF5FF2}" destId="{7846A5C8-3978-4219-9C33-864CE51C9D0C}" srcOrd="9" destOrd="0" parTransId="{6FD1E7AB-22DD-4CC1-87A5-562EB41F8E3D}" sibTransId="{5C9A7D14-226F-48F2-964C-7B2911346C28}"/>
    <dgm:cxn modelId="{D862FFCE-3EB9-493A-ABD2-92DAB8CFEB56}" srcId="{6B4A8B00-32CF-4C43-8925-20151EFF5FF2}" destId="{94880FEA-4D27-486B-8190-636F817C8957}" srcOrd="3" destOrd="0" parTransId="{4E90D44E-909B-4BDF-947C-01F0CDDCD1B7}" sibTransId="{4C9B7EC4-F6DC-4675-BE52-35A2190801EF}"/>
    <dgm:cxn modelId="{A97AC2D5-F554-4F01-AFA0-D73957CA80DE}" type="presOf" srcId="{4843EB5E-7BD7-4C0F-89D1-3E7CF2D376BE}" destId="{943BB919-AA33-43BD-972C-A260446934DB}" srcOrd="0" destOrd="0" presId="urn:microsoft.com/office/officeart/2005/8/layout/default"/>
    <dgm:cxn modelId="{C1A8B5D9-D1E1-4D90-8541-7C7C4042D3F0}" type="presOf" srcId="{94880FEA-4D27-486B-8190-636F817C8957}" destId="{A5F96D23-5E4C-4911-A897-9870E02F8FAE}" srcOrd="0" destOrd="0" presId="urn:microsoft.com/office/officeart/2005/8/layout/default"/>
    <dgm:cxn modelId="{CDE0D8E1-E81A-4B46-95DB-FD0800EDA01D}" srcId="{6B4A8B00-32CF-4C43-8925-20151EFF5FF2}" destId="{9B179429-A635-4B1B-ABE3-ABE1C48F4580}" srcOrd="7" destOrd="0" parTransId="{D289CF45-55A0-4B29-B46E-6938F3028ED5}" sibTransId="{9F8FD757-831E-4822-BF31-8B79091F7EF2}"/>
    <dgm:cxn modelId="{FE9FD1E7-3FE1-473B-9781-C9F81F787193}" type="presOf" srcId="{6B4A8B00-32CF-4C43-8925-20151EFF5FF2}" destId="{8AD952D4-E805-4370-B548-C1B19341D2F0}" srcOrd="0" destOrd="0" presId="urn:microsoft.com/office/officeart/2005/8/layout/default"/>
    <dgm:cxn modelId="{422331EA-E782-437D-BF7B-FF7D400E5B42}" srcId="{6B4A8B00-32CF-4C43-8925-20151EFF5FF2}" destId="{E8775D5E-8BB7-4E20-9D60-D64617A3D27A}" srcOrd="6" destOrd="0" parTransId="{77CAF13A-FA16-42DF-8D0A-9AB6DAEA7307}" sibTransId="{3AB64361-82CC-4BE0-8534-A66680139A22}"/>
    <dgm:cxn modelId="{F71764F1-BAFF-4143-B523-A1D9B0061B7B}" type="presOf" srcId="{9B179429-A635-4B1B-ABE3-ABE1C48F4580}" destId="{3A219345-76D0-45D3-9CEC-6B1AA4754021}" srcOrd="0" destOrd="0" presId="urn:microsoft.com/office/officeart/2005/8/layout/default"/>
    <dgm:cxn modelId="{1E030EF5-DCA4-4C27-BCD7-D5CF69C87DF1}" srcId="{6B4A8B00-32CF-4C43-8925-20151EFF5FF2}" destId="{4B2B8508-02C4-416C-A2B1-8418C9D7706F}" srcOrd="8" destOrd="0" parTransId="{70A9E305-F6C8-4505-BF84-8276B50329F4}" sibTransId="{69A224D9-1B7B-4919-A5B0-4951558EB64E}"/>
    <dgm:cxn modelId="{2D784CF5-B5F2-4986-B6F2-4FBEBFCAB79D}" type="presOf" srcId="{C9E6985C-F5D9-47D1-BF08-225DC736DFC5}" destId="{FF2A7923-3261-417C-A5CF-B2B72A874449}" srcOrd="0" destOrd="0" presId="urn:microsoft.com/office/officeart/2005/8/layout/default"/>
    <dgm:cxn modelId="{A260B9FB-C4EE-4CA3-895C-BD435307251A}" srcId="{6B4A8B00-32CF-4C43-8925-20151EFF5FF2}" destId="{3B27B1C7-22A3-42E8-847E-3EA47CE00099}" srcOrd="10" destOrd="0" parTransId="{C63C1523-C0E1-4B74-B5F2-0F0AF8ABD85B}" sibTransId="{0F7D8E6F-F3CA-4A2A-9CEF-B96039271ACE}"/>
    <dgm:cxn modelId="{51DD3785-7F12-449E-B158-94B5A52A4F17}" type="presParOf" srcId="{8AD952D4-E805-4370-B548-C1B19341D2F0}" destId="{BEAFA636-F036-4067-8306-8E1077149CC5}" srcOrd="0" destOrd="0" presId="urn:microsoft.com/office/officeart/2005/8/layout/default"/>
    <dgm:cxn modelId="{D8F8E29B-7F3E-41F5-8091-CB3794304776}" type="presParOf" srcId="{8AD952D4-E805-4370-B548-C1B19341D2F0}" destId="{4B519E15-152B-47E6-9D7A-CA9CCE85D564}" srcOrd="1" destOrd="0" presId="urn:microsoft.com/office/officeart/2005/8/layout/default"/>
    <dgm:cxn modelId="{135430CA-A2E3-48BD-A353-0CCD4D1FC6C3}" type="presParOf" srcId="{8AD952D4-E805-4370-B548-C1B19341D2F0}" destId="{7B680296-D20F-41AC-BE23-F665FBE414E1}" srcOrd="2" destOrd="0" presId="urn:microsoft.com/office/officeart/2005/8/layout/default"/>
    <dgm:cxn modelId="{8B9DAC71-FC61-413E-A435-227B98562298}" type="presParOf" srcId="{8AD952D4-E805-4370-B548-C1B19341D2F0}" destId="{784C65C3-EC7D-4FF9-BE18-D09849482334}" srcOrd="3" destOrd="0" presId="urn:microsoft.com/office/officeart/2005/8/layout/default"/>
    <dgm:cxn modelId="{773090DD-1D88-4E71-9414-D419C2C5D91B}" type="presParOf" srcId="{8AD952D4-E805-4370-B548-C1B19341D2F0}" destId="{DED5D4C8-F204-4BF1-9E5D-FCCDFDFB7902}" srcOrd="4" destOrd="0" presId="urn:microsoft.com/office/officeart/2005/8/layout/default"/>
    <dgm:cxn modelId="{7FDD21DD-095B-4255-A981-5201CCBFFB39}" type="presParOf" srcId="{8AD952D4-E805-4370-B548-C1B19341D2F0}" destId="{4AD4A46E-0FF5-4D21-88D8-246852FB9133}" srcOrd="5" destOrd="0" presId="urn:microsoft.com/office/officeart/2005/8/layout/default"/>
    <dgm:cxn modelId="{02D6A784-3C9C-4596-AD21-8FC7C8CF5EAD}" type="presParOf" srcId="{8AD952D4-E805-4370-B548-C1B19341D2F0}" destId="{A5F96D23-5E4C-4911-A897-9870E02F8FAE}" srcOrd="6" destOrd="0" presId="urn:microsoft.com/office/officeart/2005/8/layout/default"/>
    <dgm:cxn modelId="{0E783DF7-7C63-4E9A-8F13-209B3C039A3C}" type="presParOf" srcId="{8AD952D4-E805-4370-B548-C1B19341D2F0}" destId="{52724084-9847-4F23-8964-49C7FB3321FE}" srcOrd="7" destOrd="0" presId="urn:microsoft.com/office/officeart/2005/8/layout/default"/>
    <dgm:cxn modelId="{6E785F49-EB22-4D1B-8954-0B40477A9EED}" type="presParOf" srcId="{8AD952D4-E805-4370-B548-C1B19341D2F0}" destId="{FF2A7923-3261-417C-A5CF-B2B72A874449}" srcOrd="8" destOrd="0" presId="urn:microsoft.com/office/officeart/2005/8/layout/default"/>
    <dgm:cxn modelId="{F87F4BA9-B379-4BC0-AF5B-DF53352FCCBF}" type="presParOf" srcId="{8AD952D4-E805-4370-B548-C1B19341D2F0}" destId="{5ADB4A47-85F4-4A4B-BA30-A7BF92EB4464}" srcOrd="9" destOrd="0" presId="urn:microsoft.com/office/officeart/2005/8/layout/default"/>
    <dgm:cxn modelId="{807410E5-48A5-4FB7-A23A-9F1E22EE8A50}" type="presParOf" srcId="{8AD952D4-E805-4370-B548-C1B19341D2F0}" destId="{F4018D3B-9231-4625-9E9B-873FB508533F}" srcOrd="10" destOrd="0" presId="urn:microsoft.com/office/officeart/2005/8/layout/default"/>
    <dgm:cxn modelId="{D837EC25-9690-44F2-B370-2345112DE5E8}" type="presParOf" srcId="{8AD952D4-E805-4370-B548-C1B19341D2F0}" destId="{F2E49F11-C485-42E6-9B35-8CE50BE950B9}" srcOrd="11" destOrd="0" presId="urn:microsoft.com/office/officeart/2005/8/layout/default"/>
    <dgm:cxn modelId="{53E3CA91-0BEF-4D5A-94DE-279010EC90D2}" type="presParOf" srcId="{8AD952D4-E805-4370-B548-C1B19341D2F0}" destId="{2DE8C632-89F8-43E4-9352-EBFDAB82B610}" srcOrd="12" destOrd="0" presId="urn:microsoft.com/office/officeart/2005/8/layout/default"/>
    <dgm:cxn modelId="{EC342EE6-8165-4BC2-934F-4735E10CEFBF}" type="presParOf" srcId="{8AD952D4-E805-4370-B548-C1B19341D2F0}" destId="{589E5106-D602-4050-8E59-BEE6EE86B219}" srcOrd="13" destOrd="0" presId="urn:microsoft.com/office/officeart/2005/8/layout/default"/>
    <dgm:cxn modelId="{C3AE0EA9-3B2D-44B0-884A-D68EACE1D217}" type="presParOf" srcId="{8AD952D4-E805-4370-B548-C1B19341D2F0}" destId="{3A219345-76D0-45D3-9CEC-6B1AA4754021}" srcOrd="14" destOrd="0" presId="urn:microsoft.com/office/officeart/2005/8/layout/default"/>
    <dgm:cxn modelId="{AA7ECAD1-C3AE-4F76-8990-D5E5DAAC9964}" type="presParOf" srcId="{8AD952D4-E805-4370-B548-C1B19341D2F0}" destId="{11354284-9872-4AA9-9B03-974B6E55ECBF}" srcOrd="15" destOrd="0" presId="urn:microsoft.com/office/officeart/2005/8/layout/default"/>
    <dgm:cxn modelId="{219A07B8-EE91-478E-8505-FD685BAD6737}" type="presParOf" srcId="{8AD952D4-E805-4370-B548-C1B19341D2F0}" destId="{22C7BCCF-0F0E-40DA-98A0-6EE095BCE86C}" srcOrd="16" destOrd="0" presId="urn:microsoft.com/office/officeart/2005/8/layout/default"/>
    <dgm:cxn modelId="{D1F39B64-AD9B-44FF-8E09-3B423DD62411}" type="presParOf" srcId="{8AD952D4-E805-4370-B548-C1B19341D2F0}" destId="{4BE0B994-AF34-4E14-9EA3-17FFCBBBF8A9}" srcOrd="17" destOrd="0" presId="urn:microsoft.com/office/officeart/2005/8/layout/default"/>
    <dgm:cxn modelId="{36C7705F-D7FD-4F37-90B5-2A1F25D9D80D}" type="presParOf" srcId="{8AD952D4-E805-4370-B548-C1B19341D2F0}" destId="{61DD6956-970C-4E86-B809-0879CC24ED96}" srcOrd="18" destOrd="0" presId="urn:microsoft.com/office/officeart/2005/8/layout/default"/>
    <dgm:cxn modelId="{77AA3BE0-9B27-4850-9995-A10466F8CA4D}" type="presParOf" srcId="{8AD952D4-E805-4370-B548-C1B19341D2F0}" destId="{64CF4DB5-6CF5-45DC-A8DA-378A6BD4951A}" srcOrd="19" destOrd="0" presId="urn:microsoft.com/office/officeart/2005/8/layout/default"/>
    <dgm:cxn modelId="{121A0DCB-5AF2-4E73-9C12-AF64BD0CF486}" type="presParOf" srcId="{8AD952D4-E805-4370-B548-C1B19341D2F0}" destId="{3B96B0AC-BD9B-4803-96F8-907F6EBC4854}" srcOrd="20" destOrd="0" presId="urn:microsoft.com/office/officeart/2005/8/layout/default"/>
    <dgm:cxn modelId="{713B1ABD-67E2-4F09-96FA-9218CEB3515B}" type="presParOf" srcId="{8AD952D4-E805-4370-B548-C1B19341D2F0}" destId="{E2E3725E-281B-474C-B799-66B0C7C97C85}" srcOrd="21" destOrd="0" presId="urn:microsoft.com/office/officeart/2005/8/layout/default"/>
    <dgm:cxn modelId="{D102FAD8-AD76-44E8-B872-2ACD75497E1C}" type="presParOf" srcId="{8AD952D4-E805-4370-B548-C1B19341D2F0}" destId="{FB989F4B-016E-4D0E-A148-487337998E6A}" srcOrd="22" destOrd="0" presId="urn:microsoft.com/office/officeart/2005/8/layout/default"/>
    <dgm:cxn modelId="{25919A2E-9660-42A3-84AB-F71F27FB2748}" type="presParOf" srcId="{8AD952D4-E805-4370-B548-C1B19341D2F0}" destId="{0C55D326-801D-46E7-896B-AC62B61988A0}" srcOrd="23" destOrd="0" presId="urn:microsoft.com/office/officeart/2005/8/layout/default"/>
    <dgm:cxn modelId="{38760F86-8D35-49D8-9209-B435851E1F0E}" type="presParOf" srcId="{8AD952D4-E805-4370-B548-C1B19341D2F0}" destId="{56B639E7-EBAE-46D9-A72E-6C63AFBB0FA2}" srcOrd="24" destOrd="0" presId="urn:microsoft.com/office/officeart/2005/8/layout/default"/>
    <dgm:cxn modelId="{03B8456D-90CE-4827-A7E5-AA9264E80828}" type="presParOf" srcId="{8AD952D4-E805-4370-B548-C1B19341D2F0}" destId="{EEFE2ED1-2322-4606-9CC9-17154A2127FF}" srcOrd="25" destOrd="0" presId="urn:microsoft.com/office/officeart/2005/8/layout/default"/>
    <dgm:cxn modelId="{2BD6824D-3405-476D-84D3-7FE4B49849BE}" type="presParOf" srcId="{8AD952D4-E805-4370-B548-C1B19341D2F0}" destId="{943BB919-AA33-43BD-972C-A260446934DB}" srcOrd="26" destOrd="0" presId="urn:microsoft.com/office/officeart/2005/8/layout/default"/>
    <dgm:cxn modelId="{A819504C-077D-4D15-B895-9EC9E5C3BBD2}" type="presParOf" srcId="{8AD952D4-E805-4370-B548-C1B19341D2F0}" destId="{E80AF7DD-7D89-44DE-9F00-B72D40E5C1D8}" srcOrd="27" destOrd="0" presId="urn:microsoft.com/office/officeart/2005/8/layout/default"/>
    <dgm:cxn modelId="{0CE10AFA-5D58-4DB7-86BD-D07BEB33848C}" type="presParOf" srcId="{8AD952D4-E805-4370-B548-C1B19341D2F0}" destId="{C0C57047-B459-4937-90BC-38E7E6CD92AA}" srcOrd="2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7BC0D69-2F85-4332-A457-9B98C61D269A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AD1BE0D-3024-42AF-B487-3311B8B56D6C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ERD is a design diagram that represent how will the entities will be stored in the database.</a:t>
          </a:r>
          <a:endParaRPr lang="en-US"/>
        </a:p>
      </dgm:t>
    </dgm:pt>
    <dgm:pt modelId="{26F39D29-4286-4D89-B80E-D24798853E12}" type="parTrans" cxnId="{1F309243-CE01-4CE5-B845-8338059E5C08}">
      <dgm:prSet/>
      <dgm:spPr/>
      <dgm:t>
        <a:bodyPr/>
        <a:lstStyle/>
        <a:p>
          <a:endParaRPr lang="en-US"/>
        </a:p>
      </dgm:t>
    </dgm:pt>
    <dgm:pt modelId="{B62271C9-0023-4D6F-B8D0-CEA0F1A6D22B}" type="sibTrans" cxnId="{1F309243-CE01-4CE5-B845-8338059E5C08}">
      <dgm:prSet/>
      <dgm:spPr/>
      <dgm:t>
        <a:bodyPr/>
        <a:lstStyle/>
        <a:p>
          <a:endParaRPr lang="en-US"/>
        </a:p>
      </dgm:t>
    </dgm:pt>
    <dgm:pt modelId="{135DC37D-89BD-4B1B-8C56-9E335D855D66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We constructed the ERD from the class diagrams.</a:t>
          </a:r>
          <a:endParaRPr lang="en-US"/>
        </a:p>
      </dgm:t>
    </dgm:pt>
    <dgm:pt modelId="{29E15B65-983C-4CCE-8116-30E0AFFFC599}" type="parTrans" cxnId="{74D71701-5D40-4D7C-B632-D87F21E03F5F}">
      <dgm:prSet/>
      <dgm:spPr/>
      <dgm:t>
        <a:bodyPr/>
        <a:lstStyle/>
        <a:p>
          <a:endParaRPr lang="en-US"/>
        </a:p>
      </dgm:t>
    </dgm:pt>
    <dgm:pt modelId="{A6D6AC0C-EF6B-49BB-9E1D-1BEFC17FCF6E}" type="sibTrans" cxnId="{74D71701-5D40-4D7C-B632-D87F21E03F5F}">
      <dgm:prSet/>
      <dgm:spPr/>
      <dgm:t>
        <a:bodyPr/>
        <a:lstStyle/>
        <a:p>
          <a:endParaRPr lang="en-US"/>
        </a:p>
      </dgm:t>
    </dgm:pt>
    <dgm:pt modelId="{9FA80304-050B-4F83-8EA4-B308C3684864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The following ERD is bound to increase, it is complete for the current cycle but not for the whole system</a:t>
          </a:r>
          <a:endParaRPr lang="en-US"/>
        </a:p>
      </dgm:t>
    </dgm:pt>
    <dgm:pt modelId="{01CE8858-CED2-4911-A7B1-5F94CC4B4E38}" type="parTrans" cxnId="{23FD200D-66A1-43E6-B36F-F3B05A77EF90}">
      <dgm:prSet/>
      <dgm:spPr/>
      <dgm:t>
        <a:bodyPr/>
        <a:lstStyle/>
        <a:p>
          <a:endParaRPr lang="en-US"/>
        </a:p>
      </dgm:t>
    </dgm:pt>
    <dgm:pt modelId="{54C05A2E-A1BD-4339-9656-68F8A81D74A3}" type="sibTrans" cxnId="{23FD200D-66A1-43E6-B36F-F3B05A77EF90}">
      <dgm:prSet/>
      <dgm:spPr/>
      <dgm:t>
        <a:bodyPr/>
        <a:lstStyle/>
        <a:p>
          <a:endParaRPr lang="en-US"/>
        </a:p>
      </dgm:t>
    </dgm:pt>
    <dgm:pt modelId="{1B83346F-677A-4419-9DA6-C733A9E40D9A}" type="pres">
      <dgm:prSet presAssocID="{A7BC0D69-2F85-4332-A457-9B98C61D269A}" presName="root" presStyleCnt="0">
        <dgm:presLayoutVars>
          <dgm:dir/>
          <dgm:resizeHandles val="exact"/>
        </dgm:presLayoutVars>
      </dgm:prSet>
      <dgm:spPr/>
    </dgm:pt>
    <dgm:pt modelId="{21126F38-90C6-46B8-8FD1-BE33369C0F10}" type="pres">
      <dgm:prSet presAssocID="{3AD1BE0D-3024-42AF-B487-3311B8B56D6C}" presName="compNode" presStyleCnt="0"/>
      <dgm:spPr/>
    </dgm:pt>
    <dgm:pt modelId="{82FEF4D4-5047-47C6-84DF-008C82E44A0B}" type="pres">
      <dgm:prSet presAssocID="{3AD1BE0D-3024-42AF-B487-3311B8B56D6C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Database"/>
        </a:ext>
      </dgm:extLst>
    </dgm:pt>
    <dgm:pt modelId="{751D6F30-7CE0-4559-A001-9D9AE276F160}" type="pres">
      <dgm:prSet presAssocID="{3AD1BE0D-3024-42AF-B487-3311B8B56D6C}" presName="spaceRect" presStyleCnt="0"/>
      <dgm:spPr/>
    </dgm:pt>
    <dgm:pt modelId="{3AD8DEAA-A471-476A-9C13-D7A79537FF57}" type="pres">
      <dgm:prSet presAssocID="{3AD1BE0D-3024-42AF-B487-3311B8B56D6C}" presName="textRect" presStyleLbl="revTx" presStyleIdx="0" presStyleCnt="3">
        <dgm:presLayoutVars>
          <dgm:chMax val="1"/>
          <dgm:chPref val="1"/>
        </dgm:presLayoutVars>
      </dgm:prSet>
      <dgm:spPr/>
    </dgm:pt>
    <dgm:pt modelId="{727D6D6A-71A1-4803-A577-0D4D9ED95C55}" type="pres">
      <dgm:prSet presAssocID="{B62271C9-0023-4D6F-B8D0-CEA0F1A6D22B}" presName="sibTrans" presStyleCnt="0"/>
      <dgm:spPr/>
    </dgm:pt>
    <dgm:pt modelId="{C4BDC3FD-1062-443C-B281-4AE4EF13CA4E}" type="pres">
      <dgm:prSet presAssocID="{135DC37D-89BD-4B1B-8C56-9E335D855D66}" presName="compNode" presStyleCnt="0"/>
      <dgm:spPr/>
    </dgm:pt>
    <dgm:pt modelId="{C31D8157-76C9-455F-93FF-33BBE95CE701}" type="pres">
      <dgm:prSet presAssocID="{135DC37D-89BD-4B1B-8C56-9E335D855D66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Flowchart"/>
        </a:ext>
      </dgm:extLst>
    </dgm:pt>
    <dgm:pt modelId="{81086E87-F6F9-47DE-8638-E1FA28C02922}" type="pres">
      <dgm:prSet presAssocID="{135DC37D-89BD-4B1B-8C56-9E335D855D66}" presName="spaceRect" presStyleCnt="0"/>
      <dgm:spPr/>
    </dgm:pt>
    <dgm:pt modelId="{2FEF6180-F45B-4131-BA42-D4F9C72D56A2}" type="pres">
      <dgm:prSet presAssocID="{135DC37D-89BD-4B1B-8C56-9E335D855D66}" presName="textRect" presStyleLbl="revTx" presStyleIdx="1" presStyleCnt="3">
        <dgm:presLayoutVars>
          <dgm:chMax val="1"/>
          <dgm:chPref val="1"/>
        </dgm:presLayoutVars>
      </dgm:prSet>
      <dgm:spPr/>
    </dgm:pt>
    <dgm:pt modelId="{4895F36A-8B71-440D-9682-7DC782F1C3E6}" type="pres">
      <dgm:prSet presAssocID="{A6D6AC0C-EF6B-49BB-9E1D-1BEFC17FCF6E}" presName="sibTrans" presStyleCnt="0"/>
      <dgm:spPr/>
    </dgm:pt>
    <dgm:pt modelId="{E5A6B8C9-E6BC-46A7-971E-6F8C2F4B2213}" type="pres">
      <dgm:prSet presAssocID="{9FA80304-050B-4F83-8EA4-B308C3684864}" presName="compNode" presStyleCnt="0"/>
      <dgm:spPr/>
    </dgm:pt>
    <dgm:pt modelId="{CF598140-D3DA-4BC7-B84D-176F75D359C6}" type="pres">
      <dgm:prSet presAssocID="{9FA80304-050B-4F83-8EA4-B308C3684864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Repeat"/>
        </a:ext>
      </dgm:extLst>
    </dgm:pt>
    <dgm:pt modelId="{814B4308-2735-4C78-A83C-4F4E7E1BE929}" type="pres">
      <dgm:prSet presAssocID="{9FA80304-050B-4F83-8EA4-B308C3684864}" presName="spaceRect" presStyleCnt="0"/>
      <dgm:spPr/>
    </dgm:pt>
    <dgm:pt modelId="{0D75121E-909D-4E62-93E5-952E56155AE2}" type="pres">
      <dgm:prSet presAssocID="{9FA80304-050B-4F83-8EA4-B308C3684864}" presName="textRect" presStyleLbl="revTx" presStyleIdx="2" presStyleCnt="3">
        <dgm:presLayoutVars>
          <dgm:chMax val="1"/>
          <dgm:chPref val="1"/>
        </dgm:presLayoutVars>
      </dgm:prSet>
      <dgm:spPr/>
    </dgm:pt>
  </dgm:ptLst>
  <dgm:cxnLst>
    <dgm:cxn modelId="{74D71701-5D40-4D7C-B632-D87F21E03F5F}" srcId="{A7BC0D69-2F85-4332-A457-9B98C61D269A}" destId="{135DC37D-89BD-4B1B-8C56-9E335D855D66}" srcOrd="1" destOrd="0" parTransId="{29E15B65-983C-4CCE-8116-30E0AFFFC599}" sibTransId="{A6D6AC0C-EF6B-49BB-9E1D-1BEFC17FCF6E}"/>
    <dgm:cxn modelId="{23FD200D-66A1-43E6-B36F-F3B05A77EF90}" srcId="{A7BC0D69-2F85-4332-A457-9B98C61D269A}" destId="{9FA80304-050B-4F83-8EA4-B308C3684864}" srcOrd="2" destOrd="0" parTransId="{01CE8858-CED2-4911-A7B1-5F94CC4B4E38}" sibTransId="{54C05A2E-A1BD-4339-9656-68F8A81D74A3}"/>
    <dgm:cxn modelId="{B72E6736-556E-45B8-A12F-B32B295E49CB}" type="presOf" srcId="{3AD1BE0D-3024-42AF-B487-3311B8B56D6C}" destId="{3AD8DEAA-A471-476A-9C13-D7A79537FF57}" srcOrd="0" destOrd="0" presId="urn:microsoft.com/office/officeart/2018/2/layout/IconLabelList"/>
    <dgm:cxn modelId="{1F309243-CE01-4CE5-B845-8338059E5C08}" srcId="{A7BC0D69-2F85-4332-A457-9B98C61D269A}" destId="{3AD1BE0D-3024-42AF-B487-3311B8B56D6C}" srcOrd="0" destOrd="0" parTransId="{26F39D29-4286-4D89-B80E-D24798853E12}" sibTransId="{B62271C9-0023-4D6F-B8D0-CEA0F1A6D22B}"/>
    <dgm:cxn modelId="{115C924F-E492-4849-ACAE-9DDCFD9A5C67}" type="presOf" srcId="{135DC37D-89BD-4B1B-8C56-9E335D855D66}" destId="{2FEF6180-F45B-4131-BA42-D4F9C72D56A2}" srcOrd="0" destOrd="0" presId="urn:microsoft.com/office/officeart/2018/2/layout/IconLabelList"/>
    <dgm:cxn modelId="{3970D8B2-C5B5-4F17-BE9D-8B3B401AA6EC}" type="presOf" srcId="{9FA80304-050B-4F83-8EA4-B308C3684864}" destId="{0D75121E-909D-4E62-93E5-952E56155AE2}" srcOrd="0" destOrd="0" presId="urn:microsoft.com/office/officeart/2018/2/layout/IconLabelList"/>
    <dgm:cxn modelId="{020649ED-A70B-4099-8C5C-51530D0EA6F4}" type="presOf" srcId="{A7BC0D69-2F85-4332-A457-9B98C61D269A}" destId="{1B83346F-677A-4419-9DA6-C733A9E40D9A}" srcOrd="0" destOrd="0" presId="urn:microsoft.com/office/officeart/2018/2/layout/IconLabelList"/>
    <dgm:cxn modelId="{9A3A7FE3-294E-479F-940C-1D1B2D5212B9}" type="presParOf" srcId="{1B83346F-677A-4419-9DA6-C733A9E40D9A}" destId="{21126F38-90C6-46B8-8FD1-BE33369C0F10}" srcOrd="0" destOrd="0" presId="urn:microsoft.com/office/officeart/2018/2/layout/IconLabelList"/>
    <dgm:cxn modelId="{4AACF458-94A4-405D-A28E-F185C31DCBDD}" type="presParOf" srcId="{21126F38-90C6-46B8-8FD1-BE33369C0F10}" destId="{82FEF4D4-5047-47C6-84DF-008C82E44A0B}" srcOrd="0" destOrd="0" presId="urn:microsoft.com/office/officeart/2018/2/layout/IconLabelList"/>
    <dgm:cxn modelId="{46117705-6C34-4740-B27D-A7F0BB445CD8}" type="presParOf" srcId="{21126F38-90C6-46B8-8FD1-BE33369C0F10}" destId="{751D6F30-7CE0-4559-A001-9D9AE276F160}" srcOrd="1" destOrd="0" presId="urn:microsoft.com/office/officeart/2018/2/layout/IconLabelList"/>
    <dgm:cxn modelId="{090D6515-CC23-411B-A071-6CC3FC894C79}" type="presParOf" srcId="{21126F38-90C6-46B8-8FD1-BE33369C0F10}" destId="{3AD8DEAA-A471-476A-9C13-D7A79537FF57}" srcOrd="2" destOrd="0" presId="urn:microsoft.com/office/officeart/2018/2/layout/IconLabelList"/>
    <dgm:cxn modelId="{D5A9D14F-C9C8-442F-AF1B-D73A157F1847}" type="presParOf" srcId="{1B83346F-677A-4419-9DA6-C733A9E40D9A}" destId="{727D6D6A-71A1-4803-A577-0D4D9ED95C55}" srcOrd="1" destOrd="0" presId="urn:microsoft.com/office/officeart/2018/2/layout/IconLabelList"/>
    <dgm:cxn modelId="{703C466B-B2E8-49AE-9A80-BB6231FBEAFF}" type="presParOf" srcId="{1B83346F-677A-4419-9DA6-C733A9E40D9A}" destId="{C4BDC3FD-1062-443C-B281-4AE4EF13CA4E}" srcOrd="2" destOrd="0" presId="urn:microsoft.com/office/officeart/2018/2/layout/IconLabelList"/>
    <dgm:cxn modelId="{96431C17-B87E-4A1E-8A07-E62359AB295C}" type="presParOf" srcId="{C4BDC3FD-1062-443C-B281-4AE4EF13CA4E}" destId="{C31D8157-76C9-455F-93FF-33BBE95CE701}" srcOrd="0" destOrd="0" presId="urn:microsoft.com/office/officeart/2018/2/layout/IconLabelList"/>
    <dgm:cxn modelId="{D7BA534E-058F-4955-8CD8-99DDDBFC8880}" type="presParOf" srcId="{C4BDC3FD-1062-443C-B281-4AE4EF13CA4E}" destId="{81086E87-F6F9-47DE-8638-E1FA28C02922}" srcOrd="1" destOrd="0" presId="urn:microsoft.com/office/officeart/2018/2/layout/IconLabelList"/>
    <dgm:cxn modelId="{5516C6FC-4D83-47B5-896D-7DC19F50D362}" type="presParOf" srcId="{C4BDC3FD-1062-443C-B281-4AE4EF13CA4E}" destId="{2FEF6180-F45B-4131-BA42-D4F9C72D56A2}" srcOrd="2" destOrd="0" presId="urn:microsoft.com/office/officeart/2018/2/layout/IconLabelList"/>
    <dgm:cxn modelId="{17B067B4-48FB-4391-AD64-45E76F0ACBC5}" type="presParOf" srcId="{1B83346F-677A-4419-9DA6-C733A9E40D9A}" destId="{4895F36A-8B71-440D-9682-7DC782F1C3E6}" srcOrd="3" destOrd="0" presId="urn:microsoft.com/office/officeart/2018/2/layout/IconLabelList"/>
    <dgm:cxn modelId="{598E8858-444F-48FE-92E2-2CEAB5ABEF51}" type="presParOf" srcId="{1B83346F-677A-4419-9DA6-C733A9E40D9A}" destId="{E5A6B8C9-E6BC-46A7-971E-6F8C2F4B2213}" srcOrd="4" destOrd="0" presId="urn:microsoft.com/office/officeart/2018/2/layout/IconLabelList"/>
    <dgm:cxn modelId="{8AD8455F-9FF8-49F2-B22D-C426A57845FC}" type="presParOf" srcId="{E5A6B8C9-E6BC-46A7-971E-6F8C2F4B2213}" destId="{CF598140-D3DA-4BC7-B84D-176F75D359C6}" srcOrd="0" destOrd="0" presId="urn:microsoft.com/office/officeart/2018/2/layout/IconLabelList"/>
    <dgm:cxn modelId="{146B74AC-AC7C-4113-BF90-D01C176EB08D}" type="presParOf" srcId="{E5A6B8C9-E6BC-46A7-971E-6F8C2F4B2213}" destId="{814B4308-2735-4C78-A83C-4F4E7E1BE929}" srcOrd="1" destOrd="0" presId="urn:microsoft.com/office/officeart/2018/2/layout/IconLabelList"/>
    <dgm:cxn modelId="{62B71907-31A4-4875-8CA7-D9F78FC3BD0E}" type="presParOf" srcId="{E5A6B8C9-E6BC-46A7-971E-6F8C2F4B2213}" destId="{0D75121E-909D-4E62-93E5-952E56155AE2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D68BBA-7630-45A3-BEC3-AB40B0F9B4A3}">
      <dsp:nvSpPr>
        <dsp:cNvPr id="0" name=""/>
        <dsp:cNvSpPr/>
      </dsp:nvSpPr>
      <dsp:spPr>
        <a:xfrm>
          <a:off x="8893" y="453925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tudent/Instructor Registration.</a:t>
          </a:r>
        </a:p>
      </dsp:txBody>
      <dsp:txXfrm>
        <a:off x="8893" y="453925"/>
        <a:ext cx="1329154" cy="797492"/>
      </dsp:txXfrm>
    </dsp:sp>
    <dsp:sp modelId="{0FA4B12B-DC1D-4909-8CBD-4DA9AB66A61E}">
      <dsp:nvSpPr>
        <dsp:cNvPr id="0" name=""/>
        <dsp:cNvSpPr/>
      </dsp:nvSpPr>
      <dsp:spPr>
        <a:xfrm>
          <a:off x="1470963" y="453925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Account Management.</a:t>
          </a:r>
        </a:p>
      </dsp:txBody>
      <dsp:txXfrm>
        <a:off x="1470963" y="453925"/>
        <a:ext cx="1329154" cy="797492"/>
      </dsp:txXfrm>
    </dsp:sp>
    <dsp:sp modelId="{920325CA-6476-4297-B948-438E01E8FD6C}">
      <dsp:nvSpPr>
        <dsp:cNvPr id="0" name=""/>
        <dsp:cNvSpPr/>
      </dsp:nvSpPr>
      <dsp:spPr>
        <a:xfrm>
          <a:off x="2933033" y="453925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Department Management.</a:t>
          </a:r>
        </a:p>
      </dsp:txBody>
      <dsp:txXfrm>
        <a:off x="2933033" y="453925"/>
        <a:ext cx="1329154" cy="797492"/>
      </dsp:txXfrm>
    </dsp:sp>
    <dsp:sp modelId="{A568707E-5BF2-490F-A510-559BBECB0614}">
      <dsp:nvSpPr>
        <dsp:cNvPr id="0" name=""/>
        <dsp:cNvSpPr/>
      </dsp:nvSpPr>
      <dsp:spPr>
        <a:xfrm>
          <a:off x="4395102" y="453925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s (Registration, Deletion).</a:t>
          </a:r>
        </a:p>
      </dsp:txBody>
      <dsp:txXfrm>
        <a:off x="4395102" y="453925"/>
        <a:ext cx="1329154" cy="797492"/>
      </dsp:txXfrm>
    </dsp:sp>
    <dsp:sp modelId="{F27E04A2-8C6D-4259-807E-49EE539D0AF2}">
      <dsp:nvSpPr>
        <dsp:cNvPr id="0" name=""/>
        <dsp:cNvSpPr/>
      </dsp:nvSpPr>
      <dsp:spPr>
        <a:xfrm>
          <a:off x="5857172" y="453925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Student/Instructor Registration.</a:t>
          </a:r>
        </a:p>
      </dsp:txBody>
      <dsp:txXfrm>
        <a:off x="5857172" y="453925"/>
        <a:ext cx="1329154" cy="797492"/>
      </dsp:txXfrm>
    </dsp:sp>
    <dsp:sp modelId="{2539722D-5F86-4141-9419-B4229FA4497D}">
      <dsp:nvSpPr>
        <dsp:cNvPr id="0" name=""/>
        <dsp:cNvSpPr/>
      </dsp:nvSpPr>
      <dsp:spPr>
        <a:xfrm>
          <a:off x="7319242" y="453925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neral Feeds.</a:t>
          </a:r>
        </a:p>
      </dsp:txBody>
      <dsp:txXfrm>
        <a:off x="7319242" y="453925"/>
        <a:ext cx="1329154" cy="797492"/>
      </dsp:txXfrm>
    </dsp:sp>
    <dsp:sp modelId="{C75919B7-072D-46C6-9E5D-013B4F170A13}">
      <dsp:nvSpPr>
        <dsp:cNvPr id="0" name=""/>
        <dsp:cNvSpPr/>
      </dsp:nvSpPr>
      <dsp:spPr>
        <a:xfrm>
          <a:off x="8781311" y="453925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Feeds.</a:t>
          </a:r>
        </a:p>
      </dsp:txBody>
      <dsp:txXfrm>
        <a:off x="8781311" y="453925"/>
        <a:ext cx="1329154" cy="797492"/>
      </dsp:txXfrm>
    </dsp:sp>
    <dsp:sp modelId="{35202465-A6DD-413E-8775-AFD5CD084833}">
      <dsp:nvSpPr>
        <dsp:cNvPr id="0" name=""/>
        <dsp:cNvSpPr/>
      </dsp:nvSpPr>
      <dsp:spPr>
        <a:xfrm>
          <a:off x="8893" y="1384333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.</a:t>
          </a:r>
        </a:p>
      </dsp:txBody>
      <dsp:txXfrm>
        <a:off x="8893" y="1384333"/>
        <a:ext cx="1329154" cy="797492"/>
      </dsp:txXfrm>
    </dsp:sp>
    <dsp:sp modelId="{C8BAF857-CA28-4187-A23C-BA54C66703E5}">
      <dsp:nvSpPr>
        <dsp:cNvPr id="0" name=""/>
        <dsp:cNvSpPr/>
      </dsp:nvSpPr>
      <dsp:spPr>
        <a:xfrm>
          <a:off x="1470963" y="1384333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 Complaints.</a:t>
          </a:r>
        </a:p>
      </dsp:txBody>
      <dsp:txXfrm>
        <a:off x="1470963" y="1384333"/>
        <a:ext cx="1329154" cy="797492"/>
      </dsp:txXfrm>
    </dsp:sp>
    <dsp:sp modelId="{9BF07A67-6126-4797-AE49-22D1C85C75EE}">
      <dsp:nvSpPr>
        <dsp:cNvPr id="0" name=""/>
        <dsp:cNvSpPr/>
      </dsp:nvSpPr>
      <dsp:spPr>
        <a:xfrm>
          <a:off x="2933033" y="1384333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 Excuses.</a:t>
          </a:r>
        </a:p>
      </dsp:txBody>
      <dsp:txXfrm>
        <a:off x="2933033" y="1384333"/>
        <a:ext cx="1329154" cy="797492"/>
      </dsp:txXfrm>
    </dsp:sp>
    <dsp:sp modelId="{8622CE76-D3CF-4387-B274-7F75DBD2E75D}">
      <dsp:nvSpPr>
        <dsp:cNvPr id="0" name=""/>
        <dsp:cNvSpPr/>
      </dsp:nvSpPr>
      <dsp:spPr>
        <a:xfrm>
          <a:off x="4395102" y="1384333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Grades.</a:t>
          </a:r>
        </a:p>
      </dsp:txBody>
      <dsp:txXfrm>
        <a:off x="4395102" y="1384333"/>
        <a:ext cx="1329154" cy="797492"/>
      </dsp:txXfrm>
    </dsp:sp>
    <dsp:sp modelId="{01AAFED1-6B1A-4C69-BFCB-19C065E4F99B}">
      <dsp:nvSpPr>
        <dsp:cNvPr id="0" name=""/>
        <dsp:cNvSpPr/>
      </dsp:nvSpPr>
      <dsp:spPr>
        <a:xfrm>
          <a:off x="5857172" y="1384333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Grades Complaints.</a:t>
          </a:r>
        </a:p>
      </dsp:txBody>
      <dsp:txXfrm>
        <a:off x="5857172" y="1384333"/>
        <a:ext cx="1329154" cy="797492"/>
      </dsp:txXfrm>
    </dsp:sp>
    <dsp:sp modelId="{C457108C-1162-4B13-AE60-9F63D8E2EAF3}">
      <dsp:nvSpPr>
        <dsp:cNvPr id="0" name=""/>
        <dsp:cNvSpPr/>
      </dsp:nvSpPr>
      <dsp:spPr>
        <a:xfrm>
          <a:off x="7319242" y="1384333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Feedback.</a:t>
          </a:r>
        </a:p>
      </dsp:txBody>
      <dsp:txXfrm>
        <a:off x="7319242" y="1384333"/>
        <a:ext cx="1329154" cy="797492"/>
      </dsp:txXfrm>
    </dsp:sp>
    <dsp:sp modelId="{79C12F5A-6BB6-4D10-957E-98800420DDB5}">
      <dsp:nvSpPr>
        <dsp:cNvPr id="0" name=""/>
        <dsp:cNvSpPr/>
      </dsp:nvSpPr>
      <dsp:spPr>
        <a:xfrm>
          <a:off x="8781311" y="1384333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neral Materials.</a:t>
          </a:r>
        </a:p>
      </dsp:txBody>
      <dsp:txXfrm>
        <a:off x="8781311" y="1384333"/>
        <a:ext cx="1329154" cy="797492"/>
      </dsp:txXfrm>
    </dsp:sp>
    <dsp:sp modelId="{587733CB-519C-412E-BD2C-C599C2BF79BD}">
      <dsp:nvSpPr>
        <dsp:cNvPr id="0" name=""/>
        <dsp:cNvSpPr/>
      </dsp:nvSpPr>
      <dsp:spPr>
        <a:xfrm>
          <a:off x="739928" y="2314741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Materials.</a:t>
          </a:r>
        </a:p>
      </dsp:txBody>
      <dsp:txXfrm>
        <a:off x="739928" y="2314741"/>
        <a:ext cx="1329154" cy="797492"/>
      </dsp:txXfrm>
    </dsp:sp>
    <dsp:sp modelId="{904E1AC6-BAEC-4849-BB58-E8AF83600E93}">
      <dsp:nvSpPr>
        <dsp:cNvPr id="0" name=""/>
        <dsp:cNvSpPr/>
      </dsp:nvSpPr>
      <dsp:spPr>
        <a:xfrm>
          <a:off x="2201998" y="2314741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Message System.</a:t>
          </a:r>
        </a:p>
      </dsp:txBody>
      <dsp:txXfrm>
        <a:off x="2201998" y="2314741"/>
        <a:ext cx="1329154" cy="797492"/>
      </dsp:txXfrm>
    </dsp:sp>
    <dsp:sp modelId="{BB96D925-BB67-472B-9C0D-87B7615DBE04}">
      <dsp:nvSpPr>
        <dsp:cNvPr id="0" name=""/>
        <dsp:cNvSpPr/>
      </dsp:nvSpPr>
      <dsp:spPr>
        <a:xfrm>
          <a:off x="3664068" y="2314741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alendar Management.</a:t>
          </a:r>
        </a:p>
      </dsp:txBody>
      <dsp:txXfrm>
        <a:off x="3664068" y="2314741"/>
        <a:ext cx="1329154" cy="797492"/>
      </dsp:txXfrm>
    </dsp:sp>
    <dsp:sp modelId="{0FF7AB17-F158-4009-8EF6-7451C76A1963}">
      <dsp:nvSpPr>
        <dsp:cNvPr id="0" name=""/>
        <dsp:cNvSpPr/>
      </dsp:nvSpPr>
      <dsp:spPr>
        <a:xfrm>
          <a:off x="5126137" y="2314741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Time Schedule Management.</a:t>
          </a:r>
        </a:p>
      </dsp:txBody>
      <dsp:txXfrm>
        <a:off x="5126137" y="2314741"/>
        <a:ext cx="1329154" cy="797492"/>
      </dsp:txXfrm>
    </dsp:sp>
    <dsp:sp modelId="{4737EAB5-BD5A-40FD-9E42-CC55F57D5982}">
      <dsp:nvSpPr>
        <dsp:cNvPr id="0" name=""/>
        <dsp:cNvSpPr/>
      </dsp:nvSpPr>
      <dsp:spPr>
        <a:xfrm>
          <a:off x="6588207" y="2314741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earch for Student/Instructor.</a:t>
          </a:r>
        </a:p>
      </dsp:txBody>
      <dsp:txXfrm>
        <a:off x="6588207" y="2314741"/>
        <a:ext cx="1329154" cy="797492"/>
      </dsp:txXfrm>
    </dsp:sp>
    <dsp:sp modelId="{315032E8-B4E0-4D6A-BD52-1D82966BEB00}">
      <dsp:nvSpPr>
        <dsp:cNvPr id="0" name=""/>
        <dsp:cNvSpPr/>
      </dsp:nvSpPr>
      <dsp:spPr>
        <a:xfrm>
          <a:off x="8050276" y="2314741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tudent/Instructor contact (view profile, mail, office hours and contact information).</a:t>
          </a:r>
        </a:p>
      </dsp:txBody>
      <dsp:txXfrm>
        <a:off x="8050276" y="2314741"/>
        <a:ext cx="1329154" cy="79749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EAFA636-F036-4067-8306-8E1077149CC5}">
      <dsp:nvSpPr>
        <dsp:cNvPr id="0" name=""/>
        <dsp:cNvSpPr/>
      </dsp:nvSpPr>
      <dsp:spPr>
        <a:xfrm>
          <a:off x="3594" y="229666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Top 50.</a:t>
          </a:r>
        </a:p>
      </dsp:txBody>
      <dsp:txXfrm>
        <a:off x="3594" y="229666"/>
        <a:ext cx="1946002" cy="1167601"/>
      </dsp:txXfrm>
    </dsp:sp>
    <dsp:sp modelId="{7B680296-D20F-41AC-BE23-F665FBE414E1}">
      <dsp:nvSpPr>
        <dsp:cNvPr id="0" name=""/>
        <dsp:cNvSpPr/>
      </dsp:nvSpPr>
      <dsp:spPr>
        <a:xfrm>
          <a:off x="2144196" y="229666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Assignments.</a:t>
          </a:r>
        </a:p>
      </dsp:txBody>
      <dsp:txXfrm>
        <a:off x="2144196" y="229666"/>
        <a:ext cx="1946002" cy="1167601"/>
      </dsp:txXfrm>
    </dsp:sp>
    <dsp:sp modelId="{DED5D4C8-F204-4BF1-9E5D-FCCDFDFB7902}">
      <dsp:nvSpPr>
        <dsp:cNvPr id="0" name=""/>
        <dsp:cNvSpPr/>
      </dsp:nvSpPr>
      <dsp:spPr>
        <a:xfrm>
          <a:off x="4284798" y="229666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end a confirmation mail after submitting an assignment.</a:t>
          </a:r>
        </a:p>
      </dsp:txBody>
      <dsp:txXfrm>
        <a:off x="4284798" y="229666"/>
        <a:ext cx="1946002" cy="1167601"/>
      </dsp:txXfrm>
    </dsp:sp>
    <dsp:sp modelId="{A5F96D23-5E4C-4911-A897-9870E02F8FAE}">
      <dsp:nvSpPr>
        <dsp:cNvPr id="0" name=""/>
        <dsp:cNvSpPr/>
      </dsp:nvSpPr>
      <dsp:spPr>
        <a:xfrm>
          <a:off x="6425401" y="229666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Read-only and Archive.</a:t>
          </a:r>
        </a:p>
      </dsp:txBody>
      <dsp:txXfrm>
        <a:off x="6425401" y="229666"/>
        <a:ext cx="1946002" cy="1167601"/>
      </dsp:txXfrm>
    </dsp:sp>
    <dsp:sp modelId="{FF2A7923-3261-417C-A5CF-B2B72A874449}">
      <dsp:nvSpPr>
        <dsp:cNvPr id="0" name=""/>
        <dsp:cNvSpPr/>
      </dsp:nvSpPr>
      <dsp:spPr>
        <a:xfrm>
          <a:off x="8566003" y="229666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upport Files (file, audio, video, and link).</a:t>
          </a:r>
        </a:p>
      </dsp:txBody>
      <dsp:txXfrm>
        <a:off x="8566003" y="229666"/>
        <a:ext cx="1946002" cy="1167601"/>
      </dsp:txXfrm>
    </dsp:sp>
    <dsp:sp modelId="{F4018D3B-9231-4625-9E9B-873FB508533F}">
      <dsp:nvSpPr>
        <dsp:cNvPr id="0" name=""/>
        <dsp:cNvSpPr/>
      </dsp:nvSpPr>
      <dsp:spPr>
        <a:xfrm>
          <a:off x="3594" y="1591868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Exams (offline, online, exam locations).</a:t>
          </a:r>
        </a:p>
      </dsp:txBody>
      <dsp:txXfrm>
        <a:off x="3594" y="1591868"/>
        <a:ext cx="1946002" cy="1167601"/>
      </dsp:txXfrm>
    </dsp:sp>
    <dsp:sp modelId="{2DE8C632-89F8-43E4-9352-EBFDAB82B610}">
      <dsp:nvSpPr>
        <dsp:cNvPr id="0" name=""/>
        <dsp:cNvSpPr/>
      </dsp:nvSpPr>
      <dsp:spPr>
        <a:xfrm>
          <a:off x="2144196" y="1591868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Discussion.</a:t>
          </a:r>
        </a:p>
      </dsp:txBody>
      <dsp:txXfrm>
        <a:off x="2144196" y="1591868"/>
        <a:ext cx="1946002" cy="1167601"/>
      </dsp:txXfrm>
    </dsp:sp>
    <dsp:sp modelId="{3A219345-76D0-45D3-9CEC-6B1AA4754021}">
      <dsp:nvSpPr>
        <dsp:cNvPr id="0" name=""/>
        <dsp:cNvSpPr/>
      </dsp:nvSpPr>
      <dsp:spPr>
        <a:xfrm>
          <a:off x="4284798" y="1591868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Poll System (Course Poll, General Poll).</a:t>
          </a:r>
        </a:p>
      </dsp:txBody>
      <dsp:txXfrm>
        <a:off x="4284798" y="1591868"/>
        <a:ext cx="1946002" cy="1167601"/>
      </dsp:txXfrm>
    </dsp:sp>
    <dsp:sp modelId="{22C7BCCF-0F0E-40DA-98A0-6EE095BCE86C}">
      <dsp:nvSpPr>
        <dsp:cNvPr id="0" name=""/>
        <dsp:cNvSpPr/>
      </dsp:nvSpPr>
      <dsp:spPr>
        <a:xfrm>
          <a:off x="6425401" y="1591868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ctivity Stream.</a:t>
          </a:r>
        </a:p>
      </dsp:txBody>
      <dsp:txXfrm>
        <a:off x="6425401" y="1591868"/>
        <a:ext cx="1946002" cy="1167601"/>
      </dsp:txXfrm>
    </dsp:sp>
    <dsp:sp modelId="{61DD6956-970C-4E86-B809-0879CC24ED96}">
      <dsp:nvSpPr>
        <dsp:cNvPr id="0" name=""/>
        <dsp:cNvSpPr/>
      </dsp:nvSpPr>
      <dsp:spPr>
        <a:xfrm>
          <a:off x="8566003" y="1591868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Event Registration (register to attend a meeting).</a:t>
          </a:r>
        </a:p>
      </dsp:txBody>
      <dsp:txXfrm>
        <a:off x="8566003" y="1591868"/>
        <a:ext cx="1946002" cy="1167601"/>
      </dsp:txXfrm>
    </dsp:sp>
    <dsp:sp modelId="{3B96B0AC-BD9B-4803-96F8-907F6EBC4854}">
      <dsp:nvSpPr>
        <dsp:cNvPr id="0" name=""/>
        <dsp:cNvSpPr/>
      </dsp:nvSpPr>
      <dsp:spPr>
        <a:xfrm>
          <a:off x="3594" y="2954069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Grouping System (Course Groups).</a:t>
          </a:r>
        </a:p>
      </dsp:txBody>
      <dsp:txXfrm>
        <a:off x="3594" y="2954069"/>
        <a:ext cx="1946002" cy="1167601"/>
      </dsp:txXfrm>
    </dsp:sp>
    <dsp:sp modelId="{FB989F4B-016E-4D0E-A148-487337998E6A}">
      <dsp:nvSpPr>
        <dsp:cNvPr id="0" name=""/>
        <dsp:cNvSpPr/>
      </dsp:nvSpPr>
      <dsp:spPr>
        <a:xfrm>
          <a:off x="2144196" y="2954069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rabic Support.</a:t>
          </a:r>
        </a:p>
      </dsp:txBody>
      <dsp:txXfrm>
        <a:off x="2144196" y="2954069"/>
        <a:ext cx="1946002" cy="1167601"/>
      </dsp:txXfrm>
    </dsp:sp>
    <dsp:sp modelId="{56B639E7-EBAE-46D9-A72E-6C63AFBB0FA2}">
      <dsp:nvSpPr>
        <dsp:cNvPr id="0" name=""/>
        <dsp:cNvSpPr/>
      </dsp:nvSpPr>
      <dsp:spPr>
        <a:xfrm>
          <a:off x="4284798" y="2954069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Help Guide.</a:t>
          </a:r>
        </a:p>
      </dsp:txBody>
      <dsp:txXfrm>
        <a:off x="4284798" y="2954069"/>
        <a:ext cx="1946002" cy="1167601"/>
      </dsp:txXfrm>
    </dsp:sp>
    <dsp:sp modelId="{943BB919-AA33-43BD-972C-A260446934DB}">
      <dsp:nvSpPr>
        <dsp:cNvPr id="0" name=""/>
        <dsp:cNvSpPr/>
      </dsp:nvSpPr>
      <dsp:spPr>
        <a:xfrm>
          <a:off x="6425401" y="2954069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Notification System.</a:t>
          </a:r>
        </a:p>
      </dsp:txBody>
      <dsp:txXfrm>
        <a:off x="6425401" y="2954069"/>
        <a:ext cx="1946002" cy="1167601"/>
      </dsp:txXfrm>
    </dsp:sp>
    <dsp:sp modelId="{C0C57047-B459-4937-90BC-38E7E6CD92AA}">
      <dsp:nvSpPr>
        <dsp:cNvPr id="0" name=""/>
        <dsp:cNvSpPr/>
      </dsp:nvSpPr>
      <dsp:spPr>
        <a:xfrm>
          <a:off x="8566003" y="2954069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Folder Sync (like git).</a:t>
          </a:r>
        </a:p>
      </dsp:txBody>
      <dsp:txXfrm>
        <a:off x="8566003" y="2954069"/>
        <a:ext cx="1946002" cy="1167601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2FEF4D4-5047-47C6-84DF-008C82E44A0B}">
      <dsp:nvSpPr>
        <dsp:cNvPr id="0" name=""/>
        <dsp:cNvSpPr/>
      </dsp:nvSpPr>
      <dsp:spPr>
        <a:xfrm>
          <a:off x="1212569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AD8DEAA-A471-476A-9C13-D7A79537FF57}">
      <dsp:nvSpPr>
        <dsp:cNvPr id="0" name=""/>
        <dsp:cNvSpPr/>
      </dsp:nvSpPr>
      <dsp:spPr>
        <a:xfrm>
          <a:off x="417971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ERD is a design diagram that represent how will the entities will be stored in the database.</a:t>
          </a:r>
          <a:endParaRPr lang="en-US" sz="1400" kern="1200"/>
        </a:p>
      </dsp:txBody>
      <dsp:txXfrm>
        <a:off x="417971" y="2644140"/>
        <a:ext cx="2889450" cy="720000"/>
      </dsp:txXfrm>
    </dsp:sp>
    <dsp:sp modelId="{C31D8157-76C9-455F-93FF-33BBE95CE701}">
      <dsp:nvSpPr>
        <dsp:cNvPr id="0" name=""/>
        <dsp:cNvSpPr/>
      </dsp:nvSpPr>
      <dsp:spPr>
        <a:xfrm>
          <a:off x="4607673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FEF6180-F45B-4131-BA42-D4F9C72D56A2}">
      <dsp:nvSpPr>
        <dsp:cNvPr id="0" name=""/>
        <dsp:cNvSpPr/>
      </dsp:nvSpPr>
      <dsp:spPr>
        <a:xfrm>
          <a:off x="3813075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We constructed the ERD from the class diagrams.</a:t>
          </a:r>
          <a:endParaRPr lang="en-US" sz="1400" kern="1200"/>
        </a:p>
      </dsp:txBody>
      <dsp:txXfrm>
        <a:off x="3813075" y="2644140"/>
        <a:ext cx="2889450" cy="720000"/>
      </dsp:txXfrm>
    </dsp:sp>
    <dsp:sp modelId="{CF598140-D3DA-4BC7-B84D-176F75D359C6}">
      <dsp:nvSpPr>
        <dsp:cNvPr id="0" name=""/>
        <dsp:cNvSpPr/>
      </dsp:nvSpPr>
      <dsp:spPr>
        <a:xfrm>
          <a:off x="8002777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D75121E-909D-4E62-93E5-952E56155AE2}">
      <dsp:nvSpPr>
        <dsp:cNvPr id="0" name=""/>
        <dsp:cNvSpPr/>
      </dsp:nvSpPr>
      <dsp:spPr>
        <a:xfrm>
          <a:off x="7208178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The following ERD is bound to increase, it is complete for the current cycle but not for the whole system</a:t>
          </a:r>
          <a:endParaRPr lang="en-US" sz="1400" kern="1200"/>
        </a:p>
      </dsp:txBody>
      <dsp:txXfrm>
        <a:off x="7208178" y="2644140"/>
        <a:ext cx="2889450" cy="7200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29A0CF-F3AF-4675-8172-BFB7E8093987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1663E92-2471-4F4C-AAFD-1CC7526EB3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639155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1663E92-2471-4F4C-AAFD-1CC7526EB3ED}" type="slidenum">
              <a:rPr lang="en-GB" smtClean="0"/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89457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517139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76406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66899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4804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900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26635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770921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59827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610313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37986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408847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69287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sv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sv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sv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sv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sv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hyperlink" Target="http://newecom.fci.cu.edu.eg/#/" TargetMode="External"/><Relationship Id="rId2" Type="http://schemas.openxmlformats.org/officeDocument/2006/relationships/hyperlink" Target="http://ecom.fci-cu.edu.eg/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u.blackboard.com/" TargetMode="External"/><Relationship Id="rId5" Type="http://schemas.openxmlformats.org/officeDocument/2006/relationships/hyperlink" Target="https://classroom.google.com/" TargetMode="External"/><Relationship Id="rId4" Type="http://schemas.openxmlformats.org/officeDocument/2006/relationships/hyperlink" Target="https://www.acadox.com/" TargetMode="Externa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" name="Rectangle 72">
            <a:extLst>
              <a:ext uri="{FF2B5EF4-FFF2-40B4-BE49-F238E27FC236}">
                <a16:creationId xmlns:a16="http://schemas.microsoft.com/office/drawing/2014/main" id="{E02F3C71-C981-4614-98EA-D6C494F8091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3" y="321176"/>
            <a:ext cx="7174247" cy="5896743"/>
          </a:xfrm>
          <a:prstGeom prst="rect">
            <a:avLst/>
          </a:prstGeom>
          <a:solidFill>
            <a:schemeClr val="tx1">
              <a:alpha val="15000"/>
            </a:schemeClr>
          </a:solidFill>
          <a:ln w="127000" cap="sq" cmpd="thinThick">
            <a:solidFill>
              <a:schemeClr val="tx1"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3F49CF2B-E830-4351-997C-D0CE1CAB70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1516" y="640263"/>
            <a:ext cx="6204984" cy="1344975"/>
          </a:xfrm>
        </p:spPr>
        <p:txBody>
          <a:bodyPr>
            <a:normAutofit/>
          </a:bodyPr>
          <a:lstStyle/>
          <a:p>
            <a:r>
              <a:rPr lang="en-GB" sz="4000" b="1">
                <a:latin typeface="Times New Roman" panose="02020603050405020304" pitchFamily="18" charset="0"/>
                <a:cs typeface="Times New Roman" panose="02020603050405020304" pitchFamily="18" charset="0"/>
              </a:rPr>
              <a:t>A Better E-com</a:t>
            </a:r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B378CCE2-1B2F-40D7-9426-8062189577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21515" y="2121762"/>
            <a:ext cx="6204984" cy="3626917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endParaRPr lang="ar-EG" sz="2000">
              <a:effectLst/>
              <a:latin typeface="Calibri" panose="020F0502020204030204" pitchFamily="34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Cambria" panose="02040503050406030204" pitchFamily="18" charset="0"/>
              </a:rPr>
              <a:t>Supervised by</a:t>
            </a:r>
            <a:endParaRPr lang="en-GB" sz="2000">
              <a:effectLst/>
              <a:latin typeface="Cambria" panose="02040503050406030204" pitchFamily="18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r>
              <a:rPr lang="en-US" sz="2000" b="1" i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Dr. Basheer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 b="1" i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TA. Hassan Mourad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ar-EG" sz="2000"/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Graduation Project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Academic Year 2020-2021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Midyear Short Documentation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en-GB" sz="2000"/>
          </a:p>
        </p:txBody>
      </p:sp>
      <p:pic>
        <p:nvPicPr>
          <p:cNvPr id="1028" name="Picture 2">
            <a:extLst>
              <a:ext uri="{FF2B5EF4-FFF2-40B4-BE49-F238E27FC236}">
                <a16:creationId xmlns:a16="http://schemas.microsoft.com/office/drawing/2014/main" id="{4CF1C5B8-DD64-42F9-A3AB-7514896C89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591251" y="306909"/>
            <a:ext cx="2519008" cy="228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5">
            <a:extLst>
              <a:ext uri="{FF2B5EF4-FFF2-40B4-BE49-F238E27FC236}">
                <a16:creationId xmlns:a16="http://schemas.microsoft.com/office/drawing/2014/main" id="{512D5E88-1DD0-4DB6-8312-0F1A4CD3700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27375" y="3468688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graphicFrame>
        <p:nvGraphicFramePr>
          <p:cNvPr id="12" name="Table 12">
            <a:extLst>
              <a:ext uri="{FF2B5EF4-FFF2-40B4-BE49-F238E27FC236}">
                <a16:creationId xmlns:a16="http://schemas.microsoft.com/office/drawing/2014/main" id="{AB11947A-487F-4741-B47C-6BD1D3BCF02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50549493"/>
              </p:ext>
            </p:extLst>
          </p:nvPr>
        </p:nvGraphicFramePr>
        <p:xfrm>
          <a:off x="7859170" y="2828925"/>
          <a:ext cx="3983173" cy="3388997"/>
        </p:xfrm>
        <a:graphic>
          <a:graphicData uri="http://schemas.openxmlformats.org/drawingml/2006/table">
            <a:tbl>
              <a:tblPr firstRow="1" bandRow="1">
                <a:noFill/>
                <a:tableStyleId>{5C22544A-7EE6-4342-B048-85BDC9FD1C3A}</a:tableStyleId>
              </a:tblPr>
              <a:tblGrid>
                <a:gridCol w="1588349">
                  <a:extLst>
                    <a:ext uri="{9D8B030D-6E8A-4147-A177-3AD203B41FA5}">
                      <a16:colId xmlns:a16="http://schemas.microsoft.com/office/drawing/2014/main" val="3859010732"/>
                    </a:ext>
                  </a:extLst>
                </a:gridCol>
                <a:gridCol w="2394824">
                  <a:extLst>
                    <a:ext uri="{9D8B030D-6E8A-4147-A177-3AD203B41FA5}">
                      <a16:colId xmlns:a16="http://schemas.microsoft.com/office/drawing/2014/main" val="2251705802"/>
                    </a:ext>
                  </a:extLst>
                </a:gridCol>
              </a:tblGrid>
              <a:tr h="462428">
                <a:tc>
                  <a:txBody>
                    <a:bodyPr/>
                    <a:lstStyle/>
                    <a:p>
                      <a:pPr algn="ctr"/>
                      <a:r>
                        <a:rPr lang="en-GB" sz="1400" b="1" cap="all" spc="60">
                          <a:solidFill>
                            <a:schemeClr val="tx1"/>
                          </a:solidFill>
                        </a:rPr>
                        <a:t>ID</a:t>
                      </a:r>
                    </a:p>
                  </a:txBody>
                  <a:tcPr marL="305600" marR="305600" marT="105097" marB="105097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b="1" cap="all" spc="60">
                          <a:solidFill>
                            <a:schemeClr val="tx1"/>
                          </a:solidFill>
                        </a:rPr>
                        <a:t>Name</a:t>
                      </a:r>
                    </a:p>
                  </a:txBody>
                  <a:tcPr marL="305600" marR="305600" marT="105097" marB="105097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84669806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en-GB" sz="1800" cap="none" spc="0">
                          <a:solidFill>
                            <a:schemeClr val="tx1"/>
                          </a:solidFill>
                        </a:rPr>
                        <a:t>20170191</a:t>
                      </a: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فارس سيد حسن السي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23213939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en-GB" sz="1800" cap="none" spc="0">
                          <a:solidFill>
                            <a:schemeClr val="tx1"/>
                          </a:solidFill>
                        </a:rPr>
                        <a:t>20170301</a:t>
                      </a: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منير صبري يوسف احم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17589543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307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مينا بطرس فرحات فلتس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06269212"/>
                  </a:ext>
                </a:extLst>
              </a:tr>
              <a:tr h="809521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174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عمر حسن حسني عبد العال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29688795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198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كريم محمد فتحي مسعو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0117017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782820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45" name="Rectangle 44">
            <a:extLst>
              <a:ext uri="{FF2B5EF4-FFF2-40B4-BE49-F238E27FC236}">
                <a16:creationId xmlns:a16="http://schemas.microsoft.com/office/drawing/2014/main" id="{A2679492-7988-4050-9056-5424444524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Title 18">
            <a:extLst>
              <a:ext uri="{FF2B5EF4-FFF2-40B4-BE49-F238E27FC236}">
                <a16:creationId xmlns:a16="http://schemas.microsoft.com/office/drawing/2014/main" id="{ADCDBAFB-831F-4C63-82CF-33AAD4DD34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12091" y="501651"/>
            <a:ext cx="4395340" cy="1716255"/>
          </a:xfrm>
        </p:spPr>
        <p:txBody>
          <a:bodyPr anchor="b">
            <a:normAutofit/>
          </a:bodyPr>
          <a:lstStyle/>
          <a:p>
            <a:r>
              <a:rPr lang="en-GB" sz="3900"/>
              <a:t>System Architecture</a:t>
            </a:r>
            <a:br>
              <a:rPr lang="en-GB" sz="3900"/>
            </a:br>
            <a:endParaRPr lang="en-GB" sz="3900"/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B091B163-7D61-4891-ABCF-5C13D9C418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5779911" cy="6858000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46AF1205-397F-4DAE-84F1-821140EA3D7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04240" y="299509"/>
            <a:ext cx="4001508" cy="6212287"/>
          </a:xfrm>
          <a:prstGeom prst="rect">
            <a:avLst/>
          </a:prstGeom>
        </p:spPr>
      </p:pic>
      <p:sp>
        <p:nvSpPr>
          <p:cNvPr id="22" name="Content Placeholder 21">
            <a:extLst>
              <a:ext uri="{FF2B5EF4-FFF2-40B4-BE49-F238E27FC236}">
                <a16:creationId xmlns:a16="http://schemas.microsoft.com/office/drawing/2014/main" id="{F8F38004-4555-4531-B744-D9EB530069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92583" y="2645922"/>
            <a:ext cx="4434721" cy="3710427"/>
          </a:xfrm>
        </p:spPr>
        <p:txBody>
          <a:bodyPr anchor="t">
            <a:normAutofit/>
          </a:bodyPr>
          <a:lstStyle/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Multi-tier client-server architecture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Web Based System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Online Database for the ease of development and testing</a:t>
            </a:r>
          </a:p>
          <a:p>
            <a:endParaRPr lang="en-GB" sz="2000">
              <a:solidFill>
                <a:schemeClr val="tx1">
                  <a:alpha val="80000"/>
                </a:schemeClr>
              </a:solidFill>
            </a:endParaRPr>
          </a:p>
        </p:txBody>
      </p: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01411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7" name="Rectangle 7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val 9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99528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ED55DAE-530F-423E-9EA2-70CC269BB0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5072" y="1289765"/>
            <a:ext cx="3651101" cy="4270963"/>
          </a:xfrm>
        </p:spPr>
        <p:txBody>
          <a:bodyPr anchor="ctr">
            <a:normAutofit/>
          </a:bodyPr>
          <a:lstStyle/>
          <a:p>
            <a:pPr algn="ctr"/>
            <a:r>
              <a:rPr lang="en-GB" sz="5200">
                <a:solidFill>
                  <a:srgbClr val="FFFFFF"/>
                </a:solidFill>
              </a:rPr>
              <a:t>Stakeholders</a:t>
            </a:r>
          </a:p>
        </p:txBody>
      </p:sp>
      <p:sp>
        <p:nvSpPr>
          <p:cNvPr id="20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493" y="374394"/>
            <a:ext cx="171515" cy="171515"/>
          </a:xfrm>
          <a:custGeom>
            <a:avLst/>
            <a:gdLst>
              <a:gd name="connsiteX0" fmla="*/ 159874 w 171515"/>
              <a:gd name="connsiteY0" fmla="*/ 74116 h 171515"/>
              <a:gd name="connsiteX1" fmla="*/ 97399 w 171515"/>
              <a:gd name="connsiteY1" fmla="*/ 74116 h 171515"/>
              <a:gd name="connsiteX2" fmla="*/ 97399 w 171515"/>
              <a:gd name="connsiteY2" fmla="*/ 11641 h 171515"/>
              <a:gd name="connsiteX3" fmla="*/ 85758 w 171515"/>
              <a:gd name="connsiteY3" fmla="*/ 0 h 171515"/>
              <a:gd name="connsiteX4" fmla="*/ 74116 w 171515"/>
              <a:gd name="connsiteY4" fmla="*/ 11641 h 171515"/>
              <a:gd name="connsiteX5" fmla="*/ 74116 w 171515"/>
              <a:gd name="connsiteY5" fmla="*/ 74116 h 171515"/>
              <a:gd name="connsiteX6" fmla="*/ 11641 w 171515"/>
              <a:gd name="connsiteY6" fmla="*/ 74116 h 171515"/>
              <a:gd name="connsiteX7" fmla="*/ 0 w 171515"/>
              <a:gd name="connsiteY7" fmla="*/ 85758 h 171515"/>
              <a:gd name="connsiteX8" fmla="*/ 11641 w 171515"/>
              <a:gd name="connsiteY8" fmla="*/ 97399 h 171515"/>
              <a:gd name="connsiteX9" fmla="*/ 74116 w 171515"/>
              <a:gd name="connsiteY9" fmla="*/ 97399 h 171515"/>
              <a:gd name="connsiteX10" fmla="*/ 74116 w 171515"/>
              <a:gd name="connsiteY10" fmla="*/ 159874 h 171515"/>
              <a:gd name="connsiteX11" fmla="*/ 85758 w 171515"/>
              <a:gd name="connsiteY11" fmla="*/ 171515 h 171515"/>
              <a:gd name="connsiteX12" fmla="*/ 97399 w 171515"/>
              <a:gd name="connsiteY12" fmla="*/ 159874 h 171515"/>
              <a:gd name="connsiteX13" fmla="*/ 97399 w 171515"/>
              <a:gd name="connsiteY13" fmla="*/ 97399 h 171515"/>
              <a:gd name="connsiteX14" fmla="*/ 159874 w 171515"/>
              <a:gd name="connsiteY14" fmla="*/ 97399 h 171515"/>
              <a:gd name="connsiteX15" fmla="*/ 171515 w 171515"/>
              <a:gd name="connsiteY15" fmla="*/ 85758 h 171515"/>
              <a:gd name="connsiteX16" fmla="*/ 159874 w 171515"/>
              <a:gd name="connsiteY16" fmla="*/ 74116 h 1715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71515" h="171515">
                <a:moveTo>
                  <a:pt x="159874" y="74116"/>
                </a:moveTo>
                <a:lnTo>
                  <a:pt x="97399" y="74116"/>
                </a:lnTo>
                <a:lnTo>
                  <a:pt x="97399" y="11641"/>
                </a:lnTo>
                <a:cubicBezTo>
                  <a:pt x="97399" y="5212"/>
                  <a:pt x="92187" y="0"/>
                  <a:pt x="85758" y="0"/>
                </a:cubicBezTo>
                <a:cubicBezTo>
                  <a:pt x="79328" y="0"/>
                  <a:pt x="74116" y="5212"/>
                  <a:pt x="74116" y="11641"/>
                </a:cubicBezTo>
                <a:lnTo>
                  <a:pt x="74116" y="74116"/>
                </a:lnTo>
                <a:lnTo>
                  <a:pt x="11641" y="74116"/>
                </a:lnTo>
                <a:cubicBezTo>
                  <a:pt x="5212" y="74116"/>
                  <a:pt x="0" y="79328"/>
                  <a:pt x="0" y="85758"/>
                </a:cubicBezTo>
                <a:cubicBezTo>
                  <a:pt x="0" y="92187"/>
                  <a:pt x="5212" y="97399"/>
                  <a:pt x="11641" y="97399"/>
                </a:cubicBezTo>
                <a:lnTo>
                  <a:pt x="74116" y="97399"/>
                </a:lnTo>
                <a:lnTo>
                  <a:pt x="74116" y="159874"/>
                </a:lnTo>
                <a:cubicBezTo>
                  <a:pt x="74116" y="166303"/>
                  <a:pt x="79328" y="171515"/>
                  <a:pt x="85758" y="171515"/>
                </a:cubicBezTo>
                <a:cubicBezTo>
                  <a:pt x="92187" y="171515"/>
                  <a:pt x="97399" y="166303"/>
                  <a:pt x="97399" y="159874"/>
                </a:cubicBezTo>
                <a:lnTo>
                  <a:pt x="97399" y="97399"/>
                </a:lnTo>
                <a:lnTo>
                  <a:pt x="159874" y="97399"/>
                </a:lnTo>
                <a:cubicBezTo>
                  <a:pt x="166303" y="97399"/>
                  <a:pt x="171515" y="92187"/>
                  <a:pt x="171515" y="85758"/>
                </a:cubicBezTo>
                <a:cubicBezTo>
                  <a:pt x="171515" y="79328"/>
                  <a:pt x="166303" y="74116"/>
                  <a:pt x="159874" y="74116"/>
                </a:cubicBezTo>
                <a:close/>
              </a:path>
            </a:pathLst>
          </a:custGeom>
          <a:solidFill>
            <a:schemeClr val="accent2"/>
          </a:solidFill>
          <a:ln w="77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1" name="Graphic 12">
            <a:extLst>
              <a:ext uri="{FF2B5EF4-FFF2-40B4-BE49-F238E27FC236}">
                <a16:creationId xmlns:a16="http://schemas.microsoft.com/office/drawing/2014/main" id="{1453BF6C-B012-48B7-B4E8-6D7AC7C27D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50109" y="1084507"/>
            <a:ext cx="157545" cy="157545"/>
          </a:xfrm>
          <a:custGeom>
            <a:avLst/>
            <a:gdLst>
              <a:gd name="connsiteX0" fmla="*/ 78773 w 157545"/>
              <a:gd name="connsiteY0" fmla="*/ 23283 h 157545"/>
              <a:gd name="connsiteX1" fmla="*/ 134262 w 157545"/>
              <a:gd name="connsiteY1" fmla="*/ 78773 h 157545"/>
              <a:gd name="connsiteX2" fmla="*/ 78773 w 157545"/>
              <a:gd name="connsiteY2" fmla="*/ 134262 h 157545"/>
              <a:gd name="connsiteX3" fmla="*/ 23283 w 157545"/>
              <a:gd name="connsiteY3" fmla="*/ 78773 h 157545"/>
              <a:gd name="connsiteX4" fmla="*/ 78773 w 157545"/>
              <a:gd name="connsiteY4" fmla="*/ 23283 h 157545"/>
              <a:gd name="connsiteX5" fmla="*/ 78773 w 157545"/>
              <a:gd name="connsiteY5" fmla="*/ 0 h 157545"/>
              <a:gd name="connsiteX6" fmla="*/ 0 w 157545"/>
              <a:gd name="connsiteY6" fmla="*/ 78773 h 157545"/>
              <a:gd name="connsiteX7" fmla="*/ 78773 w 157545"/>
              <a:gd name="connsiteY7" fmla="*/ 157545 h 157545"/>
              <a:gd name="connsiteX8" fmla="*/ 157545 w 157545"/>
              <a:gd name="connsiteY8" fmla="*/ 78773 h 157545"/>
              <a:gd name="connsiteX9" fmla="*/ 78773 w 157545"/>
              <a:gd name="connsiteY9" fmla="*/ 0 h 1575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57545" h="157545">
                <a:moveTo>
                  <a:pt x="78773" y="23283"/>
                </a:moveTo>
                <a:cubicBezTo>
                  <a:pt x="109419" y="23283"/>
                  <a:pt x="134262" y="48126"/>
                  <a:pt x="134262" y="78773"/>
                </a:cubicBezTo>
                <a:cubicBezTo>
                  <a:pt x="134262" y="109419"/>
                  <a:pt x="109419" y="134262"/>
                  <a:pt x="78773" y="134262"/>
                </a:cubicBezTo>
                <a:cubicBezTo>
                  <a:pt x="48126" y="134262"/>
                  <a:pt x="23283" y="109419"/>
                  <a:pt x="23283" y="78773"/>
                </a:cubicBezTo>
                <a:cubicBezTo>
                  <a:pt x="23312" y="48139"/>
                  <a:pt x="48139" y="23312"/>
                  <a:pt x="78773" y="23283"/>
                </a:cubicBezTo>
                <a:moveTo>
                  <a:pt x="78773" y="0"/>
                </a:moveTo>
                <a:cubicBezTo>
                  <a:pt x="35268" y="0"/>
                  <a:pt x="0" y="35268"/>
                  <a:pt x="0" y="78773"/>
                </a:cubicBezTo>
                <a:cubicBezTo>
                  <a:pt x="0" y="122277"/>
                  <a:pt x="35268" y="157545"/>
                  <a:pt x="78773" y="157545"/>
                </a:cubicBezTo>
                <a:cubicBezTo>
                  <a:pt x="122277" y="157545"/>
                  <a:pt x="157545" y="122277"/>
                  <a:pt x="157545" y="78773"/>
                </a:cubicBezTo>
                <a:cubicBezTo>
                  <a:pt x="157545" y="35268"/>
                  <a:pt x="122277" y="0"/>
                  <a:pt x="78773" y="0"/>
                </a:cubicBezTo>
                <a:close/>
              </a:path>
            </a:pathLst>
          </a:custGeom>
          <a:solidFill>
            <a:schemeClr val="accent2"/>
          </a:solidFill>
          <a:ln w="751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7CB8B9-C7A0-40FA-9152-16F5FD614C6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7233" y="518400"/>
            <a:ext cx="4771607" cy="5837949"/>
          </a:xfrm>
        </p:spPr>
        <p:txBody>
          <a:bodyPr anchor="ctr">
            <a:normAutofit/>
          </a:bodyPr>
          <a:lstStyle/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tudent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Instructor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Dean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ystem Admin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College Vice Dean for Student Affairs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tudent Affairs Staff Member</a:t>
            </a:r>
          </a:p>
        </p:txBody>
      </p:sp>
      <p:sp>
        <p:nvSpPr>
          <p:cNvPr id="1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36547" y="5751820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2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54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746216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Rectangle 53">
            <a:extLst>
              <a:ext uri="{FF2B5EF4-FFF2-40B4-BE49-F238E27FC236}">
                <a16:creationId xmlns:a16="http://schemas.microsoft.com/office/drawing/2014/main" id="{C5E409A5-CF1D-458A-9663-2151ED82F3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2825496"/>
          </a:xfrm>
          <a:prstGeom prst="rect">
            <a:avLst/>
          </a:prstGeom>
          <a:gradFill>
            <a:gsLst>
              <a:gs pos="0">
                <a:schemeClr val="accent5"/>
              </a:gs>
              <a:gs pos="25000">
                <a:schemeClr val="accent5"/>
              </a:gs>
              <a:gs pos="94000">
                <a:schemeClr val="bg2">
                  <a:lumMod val="25000"/>
                </a:schemeClr>
              </a:gs>
              <a:gs pos="100000">
                <a:schemeClr val="bg2">
                  <a:lumMod val="25000"/>
                </a:schemeClr>
              </a:gs>
            </a:gsLst>
            <a:lin ang="4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6" name="Picture 55">
            <a:extLst>
              <a:ext uri="{FF2B5EF4-FFF2-40B4-BE49-F238E27FC236}">
                <a16:creationId xmlns:a16="http://schemas.microsoft.com/office/drawing/2014/main" id="{919F297E-B60D-4F97-8148-C5F192A5413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5716" b="33968"/>
          <a:stretch/>
        </p:blipFill>
        <p:spPr>
          <a:xfrm>
            <a:off x="0" y="1217573"/>
            <a:ext cx="12192000" cy="1393277"/>
          </a:xfrm>
          <a:custGeom>
            <a:avLst/>
            <a:gdLst>
              <a:gd name="connsiteX0" fmla="*/ 0 w 12192000"/>
              <a:gd name="connsiteY0" fmla="*/ 0 h 3049325"/>
              <a:gd name="connsiteX1" fmla="*/ 12192000 w 12192000"/>
              <a:gd name="connsiteY1" fmla="*/ 0 h 3049325"/>
              <a:gd name="connsiteX2" fmla="*/ 12192000 w 12192000"/>
              <a:gd name="connsiteY2" fmla="*/ 3049325 h 3049325"/>
              <a:gd name="connsiteX3" fmla="*/ 0 w 12192000"/>
              <a:gd name="connsiteY3" fmla="*/ 3049325 h 3049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192000" h="3049325">
                <a:moveTo>
                  <a:pt x="0" y="0"/>
                </a:moveTo>
                <a:lnTo>
                  <a:pt x="12192000" y="0"/>
                </a:lnTo>
                <a:lnTo>
                  <a:pt x="12192000" y="3049325"/>
                </a:lnTo>
                <a:lnTo>
                  <a:pt x="0" y="3049325"/>
                </a:lnTo>
                <a:close/>
              </a:path>
            </a:pathLst>
          </a:cu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9077264-621F-45C0-B11F-5A0CC8AA28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04672" y="457200"/>
            <a:ext cx="10579608" cy="1188720"/>
          </a:xfrm>
        </p:spPr>
        <p:txBody>
          <a:bodyPr>
            <a:normAutofit/>
          </a:bodyPr>
          <a:lstStyle/>
          <a:p>
            <a:r>
              <a:rPr lang="en-GB" sz="4000">
                <a:solidFill>
                  <a:srgbClr val="FFFFFF"/>
                </a:solidFill>
              </a:rPr>
              <a:t>Functional Requirements</a:t>
            </a: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70143844-CA1B-4124-9147-25EAB6ABCE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0" y="2466471"/>
            <a:ext cx="12188952" cy="4391528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12603B6D-BC55-4654-AFCF-3C4B3ED420B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52130410"/>
              </p:ext>
            </p:extLst>
          </p:nvPr>
        </p:nvGraphicFramePr>
        <p:xfrm>
          <a:off x="1036320" y="2560320"/>
          <a:ext cx="10119360" cy="356616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7672109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5" name="Rectangle 14">
            <a:extLst>
              <a:ext uri="{FF2B5EF4-FFF2-40B4-BE49-F238E27FC236}">
                <a16:creationId xmlns:a16="http://schemas.microsoft.com/office/drawing/2014/main" id="{6C4028FD-8BAA-4A19-BFDE-594D991B755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A369AC1D-1B0B-4AF1-BBC2-F8D2B6CEC48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93456511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05316134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E51BA4DF-2BD4-4EC2-B1DB-B27C8AC7186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52592B4-151A-4849-96A1-FDC1FB180C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53733" y="548464"/>
            <a:ext cx="6798541" cy="1675623"/>
          </a:xfrm>
        </p:spPr>
        <p:txBody>
          <a:bodyPr anchor="b">
            <a:normAutofit/>
          </a:bodyPr>
          <a:lstStyle/>
          <a:p>
            <a:r>
              <a:rPr lang="en-GB" sz="4000"/>
              <a:t>Hmm, too many features?</a:t>
            </a:r>
          </a:p>
        </p:txBody>
      </p:sp>
      <p:pic>
        <p:nvPicPr>
          <p:cNvPr id="5" name="Picture 4" descr="Question mark on green pastel background">
            <a:extLst>
              <a:ext uri="{FF2B5EF4-FFF2-40B4-BE49-F238E27FC236}">
                <a16:creationId xmlns:a16="http://schemas.microsoft.com/office/drawing/2014/main" id="{202E97A0-9BCF-4D75-AA6D-A88F697F2E0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7049" r="7057"/>
          <a:stretch/>
        </p:blipFill>
        <p:spPr>
          <a:xfrm>
            <a:off x="1" y="10"/>
            <a:ext cx="4196496" cy="6857990"/>
          </a:xfrm>
          <a:prstGeom prst="rect">
            <a:avLst/>
          </a:prstGeom>
          <a:effectLst/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6FCC641-60BB-4743-997E-45205CE5F9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53734" y="2409830"/>
            <a:ext cx="6798539" cy="3705217"/>
          </a:xfrm>
        </p:spPr>
        <p:txBody>
          <a:bodyPr>
            <a:normAutofit/>
          </a:bodyPr>
          <a:lstStyle/>
          <a:p>
            <a:r>
              <a:rPr lang="en-GB" sz="2000"/>
              <a:t>We started by brainstorming what we like to see in our system and which features will benefit the stakeholders of our system.</a:t>
            </a:r>
          </a:p>
          <a:p>
            <a:r>
              <a:rPr lang="en-GB" sz="2000"/>
              <a:t>We ended up with a long list of features, therefore we constructed a priority list to sort the features from the highest to the lowest priority.</a:t>
            </a:r>
          </a:p>
          <a:p>
            <a:r>
              <a:rPr lang="en-GB" sz="2000"/>
              <a:t>The last features was sorted from left to right, from up to down, so that the top left feature is the most important feature to implement first.</a:t>
            </a:r>
          </a:p>
        </p:txBody>
      </p:sp>
    </p:spTree>
    <p:extLst>
      <p:ext uri="{BB962C8B-B14F-4D97-AF65-F5344CB8AC3E}">
        <p14:creationId xmlns:p14="http://schemas.microsoft.com/office/powerpoint/2010/main" val="12496226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9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A136635-1E94-4830-9C87-97D7A74AC8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GB" sz="4000">
                <a:solidFill>
                  <a:srgbClr val="FFFFFF"/>
                </a:solidFill>
              </a:rPr>
              <a:t>Non-Functional Requirements</a:t>
            </a:r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77A4B7C8-0808-48A2-A37E-9A5DC7AB2B7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Usability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System should be easy even for new students that are not tech savvy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Performance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The system should handle assignment turn-in in workload without a problem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Consistency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Functions that have similar steps should have similar interfaces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User Friendly: 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The design and colors of the interface should be suitable for all ages and for the user’s eyes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Robustness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The system should be able to handle invalid user input.</a:t>
            </a:r>
          </a:p>
          <a:p>
            <a:r>
              <a:rPr lang="en-GB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Security: </a:t>
            </a:r>
            <a:r>
              <a:rPr lang="en-GB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The passwords should be hashed before storing them in the database.</a:t>
            </a:r>
          </a:p>
          <a:p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353987232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63D619-0EB3-47A2-9694-DCD9E4ADB8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Use Case Diagrams 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CD98A95B-4A47-4779-9164-971CBF9FFD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600"/>
              <a:t>Since we have a lot of requirements in the system, we decided to divide the use case diagram into multiple diagrams.</a:t>
            </a:r>
          </a:p>
          <a:p>
            <a:endParaRPr lang="en-GB" sz="1600"/>
          </a:p>
          <a:p>
            <a:r>
              <a:rPr lang="en-GB" sz="1600"/>
              <a:t>Accounts Use Case Diagram</a:t>
            </a:r>
          </a:p>
          <a:p>
            <a:r>
              <a:rPr lang="en-GB" sz="1600"/>
              <a:t>Course Internals 1 Use Case Diagram.</a:t>
            </a:r>
          </a:p>
          <a:p>
            <a:r>
              <a:rPr lang="en-GB" sz="1600"/>
              <a:t>Course Internals 2 Use Case Diagram.</a:t>
            </a:r>
          </a:p>
          <a:p>
            <a:r>
              <a:rPr lang="en-GB" sz="1600"/>
              <a:t>Course Internals 3 Use Case Diagram.</a:t>
            </a:r>
          </a:p>
          <a:p>
            <a:r>
              <a:rPr lang="en-GB" sz="1600"/>
              <a:t>Courses Use Case Diagram.</a:t>
            </a:r>
          </a:p>
          <a:p>
            <a:r>
              <a:rPr lang="en-GB" sz="1600"/>
              <a:t>Others 1 Use Case Diagram.</a:t>
            </a:r>
          </a:p>
          <a:p>
            <a:r>
              <a:rPr lang="en-GB" sz="1600"/>
              <a:t>Others 2 Use Case Diagram.</a:t>
            </a:r>
          </a:p>
          <a:p>
            <a:r>
              <a:rPr lang="en-GB" sz="1600"/>
              <a:t>Generals Use Case Diagram.</a:t>
            </a:r>
          </a:p>
        </p:txBody>
      </p:sp>
      <p:pic>
        <p:nvPicPr>
          <p:cNvPr id="14" name="Picture 10" descr="Rolls of blueprints">
            <a:extLst>
              <a:ext uri="{FF2B5EF4-FFF2-40B4-BE49-F238E27FC236}">
                <a16:creationId xmlns:a16="http://schemas.microsoft.com/office/drawing/2014/main" id="{E0D036F8-1543-434C-9B04-9F6218CBD55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882" r="-1" b="-1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7AA6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2851006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9E90EB45-EEE9-4563-8179-65EF62AE097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4E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5">
            <a:extLst>
              <a:ext uri="{FF2B5EF4-FFF2-40B4-BE49-F238E27FC236}">
                <a16:creationId xmlns:a16="http://schemas.microsoft.com/office/drawing/2014/main" id="{EFB702BB-D78B-4365-8A5A-316CE01D7C42}"/>
              </a:ext>
            </a:extLst>
          </p:cNvPr>
          <p:cNvPicPr/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658802" y="643467"/>
            <a:ext cx="4407361" cy="5571066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3D0EF74-AD1E-4FD9-914D-8EC9058EBBA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noFill/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Graphic 6">
            <a:extLst>
              <a:ext uri="{FF2B5EF4-FFF2-40B4-BE49-F238E27FC236}">
                <a16:creationId xmlns:a16="http://schemas.microsoft.com/office/drawing/2014/main" id="{478AA73C-1910-4E87-BD25-B974E8E715EB}"/>
              </a:ext>
            </a:extLst>
          </p:cNvPr>
          <p:cNvPicPr/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387867" y="643467"/>
            <a:ext cx="3883297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392100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9141FD-C421-408C-B284-8D68F3D094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Class Diagram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B54318E-73E6-4F74-B47A-54AAD0F6F1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100" dirty="0"/>
              <a:t>We used the vocabulary analysis to discover the potential classes, methods, and attributes from the constructed use case tables.</a:t>
            </a:r>
          </a:p>
          <a:p>
            <a:r>
              <a:rPr lang="en-GB" sz="1100" dirty="0"/>
              <a:t>We started mapping those classes, methods, and attributes into classes and then constructed the relationships between the classes.</a:t>
            </a:r>
          </a:p>
          <a:p>
            <a:r>
              <a:rPr lang="en-GB" sz="1100" dirty="0"/>
              <a:t>We ended up with a lot of classes, so we divided the class diagram into multiple class diagrams to help managing them.	</a:t>
            </a:r>
          </a:p>
          <a:p>
            <a:endParaRPr lang="en-GB" sz="1100" dirty="0"/>
          </a:p>
          <a:p>
            <a:r>
              <a:rPr lang="en-GB" sz="1100" dirty="0"/>
              <a:t>Account Management Class Diagram.</a:t>
            </a:r>
          </a:p>
          <a:p>
            <a:r>
              <a:rPr lang="en-GB" sz="1100" dirty="0"/>
              <a:t>Material Management Class Diagram.</a:t>
            </a:r>
          </a:p>
          <a:p>
            <a:r>
              <a:rPr lang="en-GB" sz="1100" dirty="0"/>
              <a:t>Course Management Class Diagram.</a:t>
            </a:r>
          </a:p>
          <a:p>
            <a:r>
              <a:rPr lang="en-GB" sz="1100" dirty="0"/>
              <a:t>Course Management 2 Class Diagram.</a:t>
            </a:r>
          </a:p>
          <a:p>
            <a:r>
              <a:rPr lang="en-GB" sz="1100" dirty="0"/>
              <a:t>Course Management 3 Class Diagram.</a:t>
            </a:r>
          </a:p>
          <a:p>
            <a:r>
              <a:rPr lang="en-GB" sz="1100" dirty="0"/>
              <a:t>Courses Class Diagram.</a:t>
            </a:r>
          </a:p>
          <a:p>
            <a:r>
              <a:rPr lang="en-GB" sz="1100" dirty="0"/>
              <a:t>Others 1 Class Diagram.</a:t>
            </a:r>
          </a:p>
          <a:p>
            <a:r>
              <a:rPr lang="en-GB" sz="1100" dirty="0"/>
              <a:t>Others 2 Class Diagram.</a:t>
            </a:r>
          </a:p>
        </p:txBody>
      </p:sp>
      <p:pic>
        <p:nvPicPr>
          <p:cNvPr id="32" name="Picture 31" descr="Glasses on top of a book">
            <a:extLst>
              <a:ext uri="{FF2B5EF4-FFF2-40B4-BE49-F238E27FC236}">
                <a16:creationId xmlns:a16="http://schemas.microsoft.com/office/drawing/2014/main" id="{0EA6466A-32D2-40D8-B6CD-3CB28797154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4943" r="40275" b="-1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CE9E5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321119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Isosceles Triangle 18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Graphic 7">
            <a:extLst>
              <a:ext uri="{FF2B5EF4-FFF2-40B4-BE49-F238E27FC236}">
                <a16:creationId xmlns:a16="http://schemas.microsoft.com/office/drawing/2014/main" id="{38252FB8-1908-4EEB-96DF-8617F84A22CA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1385999"/>
            <a:ext cx="10905066" cy="4086000"/>
          </a:xfrm>
          <a:prstGeom prst="rect">
            <a:avLst/>
          </a:prstGeom>
          <a:ln>
            <a:noFill/>
          </a:ln>
        </p:spPr>
      </p:pic>
      <p:sp>
        <p:nvSpPr>
          <p:cNvPr id="21" name="Isosceles Triangle 20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72563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907EF6B7-1338-4443-8C46-6A318D952DF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DAAE4CDD-124C-4DCF-9584-B6033B545D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" y="0"/>
            <a:ext cx="4167271" cy="6858000"/>
          </a:xfrm>
          <a:custGeom>
            <a:avLst/>
            <a:gdLst>
              <a:gd name="connsiteX0" fmla="*/ 0 w 4167271"/>
              <a:gd name="connsiteY0" fmla="*/ 0 h 6858000"/>
              <a:gd name="connsiteX1" fmla="*/ 2259550 w 4167271"/>
              <a:gd name="connsiteY1" fmla="*/ 0 h 6858000"/>
              <a:gd name="connsiteX2" fmla="*/ 2387803 w 4167271"/>
              <a:gd name="connsiteY2" fmla="*/ 82222 h 6858000"/>
              <a:gd name="connsiteX3" fmla="*/ 4167271 w 4167271"/>
              <a:gd name="connsiteY3" fmla="*/ 3429000 h 6858000"/>
              <a:gd name="connsiteX4" fmla="*/ 2387803 w 4167271"/>
              <a:gd name="connsiteY4" fmla="*/ 6775779 h 6858000"/>
              <a:gd name="connsiteX5" fmla="*/ 2259550 w 4167271"/>
              <a:gd name="connsiteY5" fmla="*/ 6858000 h 6858000"/>
              <a:gd name="connsiteX6" fmla="*/ 0 w 4167271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167271" h="6858000">
                <a:moveTo>
                  <a:pt x="0" y="0"/>
                </a:moveTo>
                <a:lnTo>
                  <a:pt x="2259550" y="0"/>
                </a:lnTo>
                <a:lnTo>
                  <a:pt x="2387803" y="82222"/>
                </a:lnTo>
                <a:cubicBezTo>
                  <a:pt x="3461407" y="807534"/>
                  <a:pt x="4167271" y="2035835"/>
                  <a:pt x="4167271" y="3429000"/>
                </a:cubicBezTo>
                <a:cubicBezTo>
                  <a:pt x="4167271" y="4822165"/>
                  <a:pt x="3461407" y="6050467"/>
                  <a:pt x="2387803" y="6775779"/>
                </a:cubicBezTo>
                <a:lnTo>
                  <a:pt x="225955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C3A2A21-52BD-4B20-97E9-E1E010696D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6834" y="1153572"/>
            <a:ext cx="3200400" cy="4461163"/>
          </a:xfrm>
        </p:spPr>
        <p:txBody>
          <a:bodyPr>
            <a:normAutofit/>
          </a:bodyPr>
          <a:lstStyle/>
          <a:p>
            <a:r>
              <a:rPr lang="en-GB">
                <a:solidFill>
                  <a:srgbClr val="FFFFFF"/>
                </a:solidFill>
              </a:rPr>
              <a:t>Problem Significance</a:t>
            </a:r>
            <a:br>
              <a:rPr lang="en-GB">
                <a:solidFill>
                  <a:srgbClr val="FFFFFF"/>
                </a:solidFill>
              </a:rPr>
            </a:br>
            <a:endParaRPr lang="en-GB">
              <a:solidFill>
                <a:srgbClr val="FFFFFF"/>
              </a:solidFill>
            </a:endParaRPr>
          </a:p>
        </p:txBody>
      </p:sp>
      <p:sp>
        <p:nvSpPr>
          <p:cNvPr id="28" name="Arc 11">
            <a:extLst>
              <a:ext uri="{FF2B5EF4-FFF2-40B4-BE49-F238E27FC236}">
                <a16:creationId xmlns:a16="http://schemas.microsoft.com/office/drawing/2014/main" id="{081E4A58-353D-44AE-B2FC-2A74E2E400F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7550402" y="2455479"/>
            <a:ext cx="4083433" cy="4083433"/>
          </a:xfrm>
          <a:prstGeom prst="arc">
            <a:avLst/>
          </a:prstGeom>
          <a:ln w="127000" cap="rnd">
            <a:solidFill>
              <a:schemeClr val="accent4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FB5607F-20B6-4169-BE4C-D339A18A5DA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49451" y="279808"/>
            <a:ext cx="7413395" cy="6259103"/>
          </a:xfrm>
        </p:spPr>
        <p:txBody>
          <a:bodyPr>
            <a:normAutofit fontScale="92500" lnSpcReduction="10000"/>
          </a:bodyPr>
          <a:lstStyle/>
          <a:p>
            <a:r>
              <a:rPr lang="en-GB" dirty="0"/>
              <a:t>We noticed that the E-com has some problems.</a:t>
            </a:r>
          </a:p>
          <a:p>
            <a:endParaRPr lang="en-GB" dirty="0"/>
          </a:p>
          <a:p>
            <a:r>
              <a:rPr lang="en-GB" dirty="0"/>
              <a:t>The E-com has features that are not working properly.</a:t>
            </a:r>
          </a:p>
          <a:p>
            <a:endParaRPr lang="en-GB" dirty="0"/>
          </a:p>
          <a:p>
            <a:r>
              <a:rPr lang="en-GB" dirty="0"/>
              <a:t>We didn’t use the E-com alone, we had to use other websites like Acadox, Google Classroom , Blackboard with it as they contained features that don’t exists in the E-com like making and delivering assignments.</a:t>
            </a:r>
          </a:p>
          <a:p>
            <a:endParaRPr lang="en-GB" dirty="0"/>
          </a:p>
          <a:p>
            <a:r>
              <a:rPr lang="en-GB" dirty="0"/>
              <a:t>There are some helpful features that doesn’t exist neither in E-com nor in the other websites.</a:t>
            </a:r>
          </a:p>
          <a:p>
            <a:endParaRPr lang="en-GB" dirty="0"/>
          </a:p>
          <a:p>
            <a:r>
              <a:rPr lang="en-GB" dirty="0"/>
              <a:t>The general look of E-com isn’t good.</a:t>
            </a:r>
          </a:p>
        </p:txBody>
      </p:sp>
    </p:spTree>
    <p:extLst>
      <p:ext uri="{BB962C8B-B14F-4D97-AF65-F5344CB8AC3E}">
        <p14:creationId xmlns:p14="http://schemas.microsoft.com/office/powerpoint/2010/main" val="36474709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Isosceles Triangle 14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8">
            <a:extLst>
              <a:ext uri="{FF2B5EF4-FFF2-40B4-BE49-F238E27FC236}">
                <a16:creationId xmlns:a16="http://schemas.microsoft.com/office/drawing/2014/main" id="{29BFE90A-27B2-4DAC-A820-6C3D41032998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61766" y="643467"/>
            <a:ext cx="8868468" cy="5571065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2393952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8" name="Isosceles Triangle 17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Graphic 13">
            <a:extLst>
              <a:ext uri="{FF2B5EF4-FFF2-40B4-BE49-F238E27FC236}">
                <a16:creationId xmlns:a16="http://schemas.microsoft.com/office/drawing/2014/main" id="{BA2CE226-F3A6-4C3F-B463-FB851EA4A199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2069376"/>
            <a:ext cx="10905066" cy="2719246"/>
          </a:xfrm>
          <a:prstGeom prst="rect">
            <a:avLst/>
          </a:prstGeom>
          <a:ln>
            <a:noFill/>
          </a:ln>
        </p:spPr>
      </p:pic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899861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5370AE-124C-4BFE-B230-6388ED58FE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Sequence Diagram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4D3502-DDF3-489E-A26C-4707E2CE88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400" dirty="0"/>
              <a:t>Sequence diagrams help visualize the flow of events in the system between the different interacting classes, they also help detect any missing classes, methods, or attributes.</a:t>
            </a:r>
          </a:p>
          <a:p>
            <a:r>
              <a:rPr lang="en-GB" sz="1400" dirty="0"/>
              <a:t>We construct 7 sequence diagrams after the use case tables analysis and between start constructing the class diagrams.</a:t>
            </a:r>
          </a:p>
          <a:p>
            <a:endParaRPr lang="en-GB" sz="1400" dirty="0"/>
          </a:p>
          <a:p>
            <a:r>
              <a:rPr lang="en-GB" sz="1400" dirty="0"/>
              <a:t>Add Course Material Sequence Diagram.</a:t>
            </a:r>
          </a:p>
          <a:p>
            <a:r>
              <a:rPr lang="en-GB" sz="1400" dirty="0"/>
              <a:t>Add Course Material Directory Sequence Diagram.</a:t>
            </a:r>
          </a:p>
          <a:p>
            <a:r>
              <a:rPr lang="en-GB" sz="1400" dirty="0"/>
              <a:t>Add Directory To Course Group Sequence Diagram.</a:t>
            </a:r>
          </a:p>
          <a:p>
            <a:r>
              <a:rPr lang="en-GB" sz="1400" dirty="0"/>
              <a:t>Add Material To Course Group Sequence Diagram.</a:t>
            </a:r>
          </a:p>
          <a:p>
            <a:r>
              <a:rPr lang="en-GB" sz="1400" dirty="0"/>
              <a:t>Add Material To Group Task Sequence Diagram.</a:t>
            </a:r>
          </a:p>
          <a:p>
            <a:r>
              <a:rPr lang="en-GB" sz="1400" dirty="0"/>
              <a:t>Deliver Assignment Sequence Diagram.</a:t>
            </a:r>
          </a:p>
          <a:p>
            <a:r>
              <a:rPr lang="en-GB" sz="1400" dirty="0"/>
              <a:t>Update Course Assignment Sequence Diagram.</a:t>
            </a:r>
          </a:p>
        </p:txBody>
      </p:sp>
      <p:pic>
        <p:nvPicPr>
          <p:cNvPr id="6" name="Picture 5" descr="White puzzle with one red piece">
            <a:extLst>
              <a:ext uri="{FF2B5EF4-FFF2-40B4-BE49-F238E27FC236}">
                <a16:creationId xmlns:a16="http://schemas.microsoft.com/office/drawing/2014/main" id="{AEA44E8C-64A2-4489-9860-43DF97938FC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1791" r="30187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A9221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2776959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8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Freeform: Shape 10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Rectangle 12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ectangle 14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Freeform: Shape 16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Isosceles Triangle 18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Graphic 9">
            <a:extLst>
              <a:ext uri="{FF2B5EF4-FFF2-40B4-BE49-F238E27FC236}">
                <a16:creationId xmlns:a16="http://schemas.microsoft.com/office/drawing/2014/main" id="{411D989F-D6A4-4904-85B2-4E7888F57325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1880039"/>
            <a:ext cx="10905066" cy="3097921"/>
          </a:xfrm>
          <a:prstGeom prst="rect">
            <a:avLst/>
          </a:prstGeom>
          <a:ln>
            <a:noFill/>
          </a:ln>
        </p:spPr>
      </p:pic>
      <p:sp>
        <p:nvSpPr>
          <p:cNvPr id="21" name="Isosceles Triangle 20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95873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Isosceles Triangle 14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11">
            <a:extLst>
              <a:ext uri="{FF2B5EF4-FFF2-40B4-BE49-F238E27FC236}">
                <a16:creationId xmlns:a16="http://schemas.microsoft.com/office/drawing/2014/main" id="{831E4035-B718-4DA5-8A23-351BEEBCD35E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40358" y="643467"/>
            <a:ext cx="9511284" cy="5571065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60343496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2" name="Rectangle 21">
            <a:extLst>
              <a:ext uri="{FF2B5EF4-FFF2-40B4-BE49-F238E27FC236}">
                <a16:creationId xmlns:a16="http://schemas.microsoft.com/office/drawing/2014/main" id="{2659FDB4-FCBE-4A89-B46D-43D4FA5446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E8729AE-96D8-422D-9374-FBA509A172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842237" cy="1325563"/>
          </a:xfrm>
        </p:spPr>
        <p:txBody>
          <a:bodyPr>
            <a:normAutofit/>
          </a:bodyPr>
          <a:lstStyle/>
          <a:p>
            <a:r>
              <a:rPr lang="en-GB" sz="5600"/>
              <a:t>Entity Relationship Diagram (ERD)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C8F51B3F-8331-4E4A-AE96-D47B1006EE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15890" y="356812"/>
            <a:ext cx="0" cy="6492875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Graphic 12">
            <a:extLst>
              <a:ext uri="{FF2B5EF4-FFF2-40B4-BE49-F238E27FC236}">
                <a16:creationId xmlns:a16="http://schemas.microsoft.com/office/drawing/2014/main" id="{58BDB0EE-D238-415B-9ED8-62AA6AB2AAD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903882" y="591829"/>
            <a:ext cx="139039" cy="139039"/>
          </a:xfrm>
          <a:custGeom>
            <a:avLst/>
            <a:gdLst>
              <a:gd name="connsiteX0" fmla="*/ 129602 w 139039"/>
              <a:gd name="connsiteY0" fmla="*/ 60082 h 139039"/>
              <a:gd name="connsiteX1" fmla="*/ 78957 w 139039"/>
              <a:gd name="connsiteY1" fmla="*/ 60082 h 139039"/>
              <a:gd name="connsiteX2" fmla="*/ 78957 w 139039"/>
              <a:gd name="connsiteY2" fmla="*/ 9437 h 139039"/>
              <a:gd name="connsiteX3" fmla="*/ 69520 w 139039"/>
              <a:gd name="connsiteY3" fmla="*/ 0 h 139039"/>
              <a:gd name="connsiteX4" fmla="*/ 60082 w 139039"/>
              <a:gd name="connsiteY4" fmla="*/ 9437 h 139039"/>
              <a:gd name="connsiteX5" fmla="*/ 60082 w 139039"/>
              <a:gd name="connsiteY5" fmla="*/ 60082 h 139039"/>
              <a:gd name="connsiteX6" fmla="*/ 9437 w 139039"/>
              <a:gd name="connsiteY6" fmla="*/ 60082 h 139039"/>
              <a:gd name="connsiteX7" fmla="*/ 0 w 139039"/>
              <a:gd name="connsiteY7" fmla="*/ 69520 h 139039"/>
              <a:gd name="connsiteX8" fmla="*/ 9437 w 139039"/>
              <a:gd name="connsiteY8" fmla="*/ 78957 h 139039"/>
              <a:gd name="connsiteX9" fmla="*/ 60082 w 139039"/>
              <a:gd name="connsiteY9" fmla="*/ 78957 h 139039"/>
              <a:gd name="connsiteX10" fmla="*/ 60082 w 139039"/>
              <a:gd name="connsiteY10" fmla="*/ 129602 h 139039"/>
              <a:gd name="connsiteX11" fmla="*/ 69520 w 139039"/>
              <a:gd name="connsiteY11" fmla="*/ 139039 h 139039"/>
              <a:gd name="connsiteX12" fmla="*/ 78957 w 139039"/>
              <a:gd name="connsiteY12" fmla="*/ 129602 h 139039"/>
              <a:gd name="connsiteX13" fmla="*/ 78957 w 139039"/>
              <a:gd name="connsiteY13" fmla="*/ 78957 h 139039"/>
              <a:gd name="connsiteX14" fmla="*/ 129602 w 139039"/>
              <a:gd name="connsiteY14" fmla="*/ 78957 h 139039"/>
              <a:gd name="connsiteX15" fmla="*/ 139039 w 139039"/>
              <a:gd name="connsiteY15" fmla="*/ 69520 h 139039"/>
              <a:gd name="connsiteX16" fmla="*/ 129602 w 139039"/>
              <a:gd name="connsiteY16" fmla="*/ 60082 h 1390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39039" h="139039">
                <a:moveTo>
                  <a:pt x="129602" y="60082"/>
                </a:moveTo>
                <a:lnTo>
                  <a:pt x="78957" y="60082"/>
                </a:lnTo>
                <a:lnTo>
                  <a:pt x="78957" y="9437"/>
                </a:lnTo>
                <a:cubicBezTo>
                  <a:pt x="78957" y="4225"/>
                  <a:pt x="74731" y="0"/>
                  <a:pt x="69520" y="0"/>
                </a:cubicBezTo>
                <a:cubicBezTo>
                  <a:pt x="64308" y="0"/>
                  <a:pt x="60082" y="4225"/>
                  <a:pt x="60082" y="9437"/>
                </a:cubicBezTo>
                <a:lnTo>
                  <a:pt x="60082" y="60082"/>
                </a:lnTo>
                <a:lnTo>
                  <a:pt x="9437" y="60082"/>
                </a:lnTo>
                <a:cubicBezTo>
                  <a:pt x="4225" y="60082"/>
                  <a:pt x="0" y="64308"/>
                  <a:pt x="0" y="69520"/>
                </a:cubicBezTo>
                <a:cubicBezTo>
                  <a:pt x="0" y="74731"/>
                  <a:pt x="4225" y="78957"/>
                  <a:pt x="9437" y="78957"/>
                </a:cubicBezTo>
                <a:lnTo>
                  <a:pt x="60082" y="78957"/>
                </a:lnTo>
                <a:lnTo>
                  <a:pt x="60082" y="129602"/>
                </a:lnTo>
                <a:cubicBezTo>
                  <a:pt x="60082" y="134814"/>
                  <a:pt x="64308" y="139039"/>
                  <a:pt x="69520" y="139039"/>
                </a:cubicBezTo>
                <a:cubicBezTo>
                  <a:pt x="74731" y="139039"/>
                  <a:pt x="78957" y="134814"/>
                  <a:pt x="78957" y="129602"/>
                </a:cubicBezTo>
                <a:lnTo>
                  <a:pt x="78957" y="78957"/>
                </a:lnTo>
                <a:lnTo>
                  <a:pt x="129602" y="78957"/>
                </a:lnTo>
                <a:cubicBezTo>
                  <a:pt x="134814" y="78957"/>
                  <a:pt x="139039" y="74731"/>
                  <a:pt x="139039" y="69520"/>
                </a:cubicBezTo>
                <a:cubicBezTo>
                  <a:pt x="139039" y="64308"/>
                  <a:pt x="134814" y="60082"/>
                  <a:pt x="129602" y="60082"/>
                </a:cubicBezTo>
                <a:close/>
              </a:path>
            </a:pathLst>
          </a:custGeom>
          <a:solidFill>
            <a:schemeClr val="accent2"/>
          </a:solidFill>
          <a:ln w="603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8" name="Graphic 11">
            <a:extLst>
              <a:ext uri="{FF2B5EF4-FFF2-40B4-BE49-F238E27FC236}">
                <a16:creationId xmlns:a16="http://schemas.microsoft.com/office/drawing/2014/main" id="{C5B55FC3-961D-4325-82F1-DE92B0D04E0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62662" y="821124"/>
            <a:ext cx="91138" cy="91138"/>
          </a:xfrm>
          <a:custGeom>
            <a:avLst/>
            <a:gdLst>
              <a:gd name="connsiteX0" fmla="*/ 91138 w 91138"/>
              <a:gd name="connsiteY0" fmla="*/ 45569 h 91138"/>
              <a:gd name="connsiteX1" fmla="*/ 45569 w 91138"/>
              <a:gd name="connsiteY1" fmla="*/ 91138 h 91138"/>
              <a:gd name="connsiteX2" fmla="*/ 0 w 91138"/>
              <a:gd name="connsiteY2" fmla="*/ 45569 h 91138"/>
              <a:gd name="connsiteX3" fmla="*/ 45569 w 91138"/>
              <a:gd name="connsiteY3" fmla="*/ 0 h 91138"/>
              <a:gd name="connsiteX4" fmla="*/ 91138 w 91138"/>
              <a:gd name="connsiteY4" fmla="*/ 45569 h 91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38" h="91138">
                <a:moveTo>
                  <a:pt x="91138" y="45569"/>
                </a:moveTo>
                <a:cubicBezTo>
                  <a:pt x="91138" y="70736"/>
                  <a:pt x="70736" y="91138"/>
                  <a:pt x="45569" y="91138"/>
                </a:cubicBezTo>
                <a:cubicBezTo>
                  <a:pt x="20402" y="91138"/>
                  <a:pt x="0" y="70736"/>
                  <a:pt x="0" y="45569"/>
                </a:cubicBezTo>
                <a:cubicBezTo>
                  <a:pt x="0" y="20402"/>
                  <a:pt x="20402" y="0"/>
                  <a:pt x="45569" y="0"/>
                </a:cubicBezTo>
                <a:cubicBezTo>
                  <a:pt x="70736" y="0"/>
                  <a:pt x="91138" y="20402"/>
                  <a:pt x="91138" y="45569"/>
                </a:cubicBezTo>
                <a:close/>
              </a:path>
            </a:pathLst>
          </a:custGeom>
          <a:solidFill>
            <a:schemeClr val="accent2"/>
          </a:solidFill>
          <a:ln w="422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0" name="Graphic 13">
            <a:extLst>
              <a:ext uri="{FF2B5EF4-FFF2-40B4-BE49-F238E27FC236}">
                <a16:creationId xmlns:a16="http://schemas.microsoft.com/office/drawing/2014/main" id="{4C8AB332-D09E-4F28-943C-DABDD4716A3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888342" y="1336268"/>
            <a:ext cx="127714" cy="127714"/>
          </a:xfrm>
          <a:custGeom>
            <a:avLst/>
            <a:gdLst>
              <a:gd name="connsiteX0" fmla="*/ 63857 w 127714"/>
              <a:gd name="connsiteY0" fmla="*/ 18874 h 127714"/>
              <a:gd name="connsiteX1" fmla="*/ 108840 w 127714"/>
              <a:gd name="connsiteY1" fmla="*/ 63857 h 127714"/>
              <a:gd name="connsiteX2" fmla="*/ 63857 w 127714"/>
              <a:gd name="connsiteY2" fmla="*/ 108840 h 127714"/>
              <a:gd name="connsiteX3" fmla="*/ 18874 w 127714"/>
              <a:gd name="connsiteY3" fmla="*/ 63857 h 127714"/>
              <a:gd name="connsiteX4" fmla="*/ 63857 w 127714"/>
              <a:gd name="connsiteY4" fmla="*/ 18874 h 127714"/>
              <a:gd name="connsiteX5" fmla="*/ 63857 w 127714"/>
              <a:gd name="connsiteY5" fmla="*/ 0 h 127714"/>
              <a:gd name="connsiteX6" fmla="*/ 0 w 127714"/>
              <a:gd name="connsiteY6" fmla="*/ 63857 h 127714"/>
              <a:gd name="connsiteX7" fmla="*/ 63857 w 127714"/>
              <a:gd name="connsiteY7" fmla="*/ 127714 h 127714"/>
              <a:gd name="connsiteX8" fmla="*/ 127714 w 127714"/>
              <a:gd name="connsiteY8" fmla="*/ 63857 h 127714"/>
              <a:gd name="connsiteX9" fmla="*/ 63857 w 127714"/>
              <a:gd name="connsiteY9" fmla="*/ 0 h 1277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7714" h="127714">
                <a:moveTo>
                  <a:pt x="63857" y="18874"/>
                </a:moveTo>
                <a:cubicBezTo>
                  <a:pt x="88700" y="18874"/>
                  <a:pt x="108840" y="39014"/>
                  <a:pt x="108840" y="63857"/>
                </a:cubicBezTo>
                <a:cubicBezTo>
                  <a:pt x="108840" y="88700"/>
                  <a:pt x="88700" y="108840"/>
                  <a:pt x="63857" y="108840"/>
                </a:cubicBezTo>
                <a:cubicBezTo>
                  <a:pt x="39014" y="108840"/>
                  <a:pt x="18874" y="88700"/>
                  <a:pt x="18874" y="63857"/>
                </a:cubicBezTo>
                <a:cubicBezTo>
                  <a:pt x="18898" y="39024"/>
                  <a:pt x="39024" y="18898"/>
                  <a:pt x="63857" y="18874"/>
                </a:cubicBezTo>
                <a:moveTo>
                  <a:pt x="63857" y="0"/>
                </a:moveTo>
                <a:cubicBezTo>
                  <a:pt x="28590" y="0"/>
                  <a:pt x="0" y="28590"/>
                  <a:pt x="0" y="63857"/>
                </a:cubicBezTo>
                <a:cubicBezTo>
                  <a:pt x="0" y="99124"/>
                  <a:pt x="28590" y="127714"/>
                  <a:pt x="63857" y="127714"/>
                </a:cubicBezTo>
                <a:cubicBezTo>
                  <a:pt x="99124" y="127714"/>
                  <a:pt x="127714" y="99124"/>
                  <a:pt x="127714" y="63857"/>
                </a:cubicBezTo>
                <a:cubicBezTo>
                  <a:pt x="127714" y="28590"/>
                  <a:pt x="99124" y="0"/>
                  <a:pt x="63857" y="0"/>
                </a:cubicBezTo>
                <a:close/>
              </a:path>
            </a:pathLst>
          </a:custGeom>
          <a:solidFill>
            <a:schemeClr val="accent2"/>
          </a:solidFill>
          <a:ln w="61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C63A0DE0-48D0-41EE-959B-ACE873F4785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8233598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14941174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01D0AF59-99C3-4251-AB9A-C966C6AD440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1855405F-37A2-4869-9154-F8BE3BECE6C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 w="9525">
            <a:noFill/>
          </a:ln>
          <a:effectLst>
            <a:outerShdw blurRad="63500" dist="17780" dir="5400000" algn="t" rotWithShape="0">
              <a:prstClr val="black">
                <a:alpha val="4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4BE5CEB2-1BF9-477C-9F79-BF23BB6EEAF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73497" y="643467"/>
            <a:ext cx="6645006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216169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7C9248-9824-4848-92ED-75C50F824C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 Plan</a:t>
            </a:r>
          </a:p>
        </p:txBody>
      </p:sp>
      <p:sp>
        <p:nvSpPr>
          <p:cNvPr id="4" name="OTLSHAPE_SL_32147d5489aa4aae9c9cc3444d7618bf_BackgroundRectangle">
            <a:extLst>
              <a:ext uri="{FF2B5EF4-FFF2-40B4-BE49-F238E27FC236}">
                <a16:creationId xmlns:a16="http://schemas.microsoft.com/office/drawing/2014/main" id="{9BA10BE5-F485-4B85-8CE0-F2BA9C89A3E2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45726" y="2604665"/>
            <a:ext cx="11290300" cy="1416812"/>
          </a:xfrm>
          <a:prstGeom prst="rect">
            <a:avLst/>
          </a:prstGeom>
          <a:solidFill>
            <a:srgbClr val="1F497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SL_af08a5ec45844501bacf0074dc49135e_BackgroundRectangle">
            <a:extLst>
              <a:ext uri="{FF2B5EF4-FFF2-40B4-BE49-F238E27FC236}">
                <a16:creationId xmlns:a16="http://schemas.microsoft.com/office/drawing/2014/main" id="{6FF4E3AD-B29F-4FBB-8AC9-C82561A2F23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5726" y="4084976"/>
            <a:ext cx="11290300" cy="1429343"/>
          </a:xfrm>
          <a:prstGeom prst="rect">
            <a:avLst/>
          </a:prstGeom>
          <a:solidFill>
            <a:srgbClr val="4F81B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754B529F-E737-4DEF-88D5-C82EBB849E8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56760" y="186421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2DBAE3B6-2514-42A3-9B4F-585670D6342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6691" y="1876743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SL_32147d5489aa4aae9c9cc3444d7618bf_HeaderRectangle">
            <a:extLst>
              <a:ext uri="{FF2B5EF4-FFF2-40B4-BE49-F238E27FC236}">
                <a16:creationId xmlns:a16="http://schemas.microsoft.com/office/drawing/2014/main" id="{7777FE0C-7613-42D6-917E-1A88A399BC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7490" y="2604665"/>
            <a:ext cx="676897" cy="1416812"/>
          </a:xfrm>
          <a:prstGeom prst="rect">
            <a:avLst/>
          </a:prstGeom>
          <a:solidFill>
            <a:srgbClr val="1F497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SL_af08a5ec45844501bacf0074dc49135e_HeaderRectangle">
            <a:extLst>
              <a:ext uri="{FF2B5EF4-FFF2-40B4-BE49-F238E27FC236}">
                <a16:creationId xmlns:a16="http://schemas.microsoft.com/office/drawing/2014/main" id="{4F640C86-6387-4D29-83D5-DD16DC6C2AC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490" y="4084976"/>
            <a:ext cx="676897" cy="1429343"/>
          </a:xfrm>
          <a:prstGeom prst="rect">
            <a:avLst/>
          </a:prstGeom>
          <a:solidFill>
            <a:srgbClr val="4F81B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" name="OTLSHAPE_G_00000000000000000000000000000000_ShapeBelow0">
            <a:extLst>
              <a:ext uri="{FF2B5EF4-FFF2-40B4-BE49-F238E27FC236}">
                <a16:creationId xmlns:a16="http://schemas.microsoft.com/office/drawing/2014/main" id="{A7205412-5518-412A-A84F-62201DED6FD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963178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G_00000000000000000000000000000000_ShapeBelow1">
            <a:extLst>
              <a:ext uri="{FF2B5EF4-FFF2-40B4-BE49-F238E27FC236}">
                <a16:creationId xmlns:a16="http://schemas.microsoft.com/office/drawing/2014/main" id="{C9649B25-581A-4053-8ED7-E071DD77121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034215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G_00000000000000000000000000000000_ShapeBelow2">
            <a:extLst>
              <a:ext uri="{FF2B5EF4-FFF2-40B4-BE49-F238E27FC236}">
                <a16:creationId xmlns:a16="http://schemas.microsoft.com/office/drawing/2014/main" id="{983C208A-8908-48D6-AF0F-F10EBCE14C9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105251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3">
            <a:extLst>
              <a:ext uri="{FF2B5EF4-FFF2-40B4-BE49-F238E27FC236}">
                <a16:creationId xmlns:a16="http://schemas.microsoft.com/office/drawing/2014/main" id="{AABE51D0-6474-4875-B343-53DD85EA3E1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72640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4">
            <a:extLst>
              <a:ext uri="{FF2B5EF4-FFF2-40B4-BE49-F238E27FC236}">
                <a16:creationId xmlns:a16="http://schemas.microsoft.com/office/drawing/2014/main" id="{9FC06AF0-F3C7-447F-AFFA-77833C06314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143676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5">
            <a:extLst>
              <a:ext uri="{FF2B5EF4-FFF2-40B4-BE49-F238E27FC236}">
                <a16:creationId xmlns:a16="http://schemas.microsoft.com/office/drawing/2014/main" id="{612BBBEC-34F9-460B-92EF-F34E2DAEF85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180163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G_00000000000000000000000000000000_ShapeBelow6">
            <a:extLst>
              <a:ext uri="{FF2B5EF4-FFF2-40B4-BE49-F238E27FC236}">
                <a16:creationId xmlns:a16="http://schemas.microsoft.com/office/drawing/2014/main" id="{1C370C02-B429-48FF-9675-6DE2FDD53DA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251200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G_00000000000000000000000000000000_ShapeBelow7">
            <a:extLst>
              <a:ext uri="{FF2B5EF4-FFF2-40B4-BE49-F238E27FC236}">
                <a16:creationId xmlns:a16="http://schemas.microsoft.com/office/drawing/2014/main" id="{3F58E5C3-48FC-4FF9-9329-E2DBFCA6D33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287687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8">
            <a:extLst>
              <a:ext uri="{FF2B5EF4-FFF2-40B4-BE49-F238E27FC236}">
                <a16:creationId xmlns:a16="http://schemas.microsoft.com/office/drawing/2014/main" id="{52A400B6-BC14-4F76-9DBC-4FF01F5A5B6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358724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SLT_4100794d24444d57947bc2ea4637ee46_Shape">
            <a:extLst>
              <a:ext uri="{FF2B5EF4-FFF2-40B4-BE49-F238E27FC236}">
                <a16:creationId xmlns:a16="http://schemas.microsoft.com/office/drawing/2014/main" id="{FF18A59E-A9EE-4186-9821-05916B8BFD8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26691" y="2650512"/>
            <a:ext cx="6985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SLT_30c823781b984ca3b31a1e14dcea5974_Shape">
            <a:extLst>
              <a:ext uri="{FF2B5EF4-FFF2-40B4-BE49-F238E27FC236}">
                <a16:creationId xmlns:a16="http://schemas.microsoft.com/office/drawing/2014/main" id="{019F78A4-981E-4621-9456-31E402D3D6C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617683" y="2884530"/>
            <a:ext cx="15621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T_b6e140fd7d39456886ff8e6f31e14cfa_Shape">
            <a:extLst>
              <a:ext uri="{FF2B5EF4-FFF2-40B4-BE49-F238E27FC236}">
                <a16:creationId xmlns:a16="http://schemas.microsoft.com/office/drawing/2014/main" id="{4A409BCC-DE67-4A92-8AC7-E5B0C0861B0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172414" y="3118549"/>
            <a:ext cx="5207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SLT_0dbcccb975674f04899a74a05e37151a_Shape">
            <a:extLst>
              <a:ext uri="{FF2B5EF4-FFF2-40B4-BE49-F238E27FC236}">
                <a16:creationId xmlns:a16="http://schemas.microsoft.com/office/drawing/2014/main" id="{3CEB9CA0-0E4F-4D0E-AAEF-CF0A85ECC37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690657" y="3352568"/>
            <a:ext cx="6223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SLT_ede62fe484274899bb0413c0f95c7342_Shape">
            <a:extLst>
              <a:ext uri="{FF2B5EF4-FFF2-40B4-BE49-F238E27FC236}">
                <a16:creationId xmlns:a16="http://schemas.microsoft.com/office/drawing/2014/main" id="{8B556EF2-9713-4EED-8422-887A6893EB7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312549" y="3586587"/>
            <a:ext cx="2794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SLT_0c13da28d131453f958a326893d181aa_Shape">
            <a:extLst>
              <a:ext uri="{FF2B5EF4-FFF2-40B4-BE49-F238E27FC236}">
                <a16:creationId xmlns:a16="http://schemas.microsoft.com/office/drawing/2014/main" id="{DA891FAA-FC66-477A-9018-2E079173A28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554396" y="3820605"/>
            <a:ext cx="11811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T_ada590fc3df34d5f8d7cbc19f087f846_Shape">
            <a:extLst>
              <a:ext uri="{FF2B5EF4-FFF2-40B4-BE49-F238E27FC236}">
                <a16:creationId xmlns:a16="http://schemas.microsoft.com/office/drawing/2014/main" id="{8AF379C2-5564-4782-AE7A-F276160342A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29082" y="4299861"/>
            <a:ext cx="1397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T_f2fc14571a8d4f4fa1b9d3061b254a4b_Shape">
            <a:extLst>
              <a:ext uri="{FF2B5EF4-FFF2-40B4-BE49-F238E27FC236}">
                <a16:creationId xmlns:a16="http://schemas.microsoft.com/office/drawing/2014/main" id="{EFDC8BF5-29C0-4A9A-8BF6-885AD015811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867280" y="4688904"/>
            <a:ext cx="1143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5d78c6b0b7814ed1b1a765c729792e4e_Shape">
            <a:extLst>
              <a:ext uri="{FF2B5EF4-FFF2-40B4-BE49-F238E27FC236}">
                <a16:creationId xmlns:a16="http://schemas.microsoft.com/office/drawing/2014/main" id="{0FA7FF16-1941-4E31-BB23-A335D12E72B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05478" y="4908911"/>
            <a:ext cx="14224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SLT_bd2619e33b2341fe8e4038f691ad5224_Shape">
            <a:extLst>
              <a:ext uri="{FF2B5EF4-FFF2-40B4-BE49-F238E27FC236}">
                <a16:creationId xmlns:a16="http://schemas.microsoft.com/office/drawing/2014/main" id="{1B742D89-5A0F-41AB-B740-C256430306C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627371" y="5228188"/>
            <a:ext cx="37719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Implementing the System</a:t>
            </a:r>
          </a:p>
        </p:txBody>
      </p:sp>
      <p:sp>
        <p:nvSpPr>
          <p:cNvPr id="29" name="OTLSHAPE_TB_00000000000000000000000000000000_ElapsedTime">
            <a:extLst>
              <a:ext uri="{FF2B5EF4-FFF2-40B4-BE49-F238E27FC236}">
                <a16:creationId xmlns:a16="http://schemas.microsoft.com/office/drawing/2014/main" id="{CCA981D6-E0E2-46E7-B578-4831842CFAE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26691" y="2079943"/>
            <a:ext cx="50038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SLT_4100794d24444d57947bc2ea4637ee46_ShapePercentage">
            <a:extLst>
              <a:ext uri="{FF2B5EF4-FFF2-40B4-BE49-F238E27FC236}">
                <a16:creationId xmlns:a16="http://schemas.microsoft.com/office/drawing/2014/main" id="{CD833F6C-A157-42EB-9C57-2AA32868B86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26691" y="2650512"/>
            <a:ext cx="6985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T_30c823781b984ca3b31a1e14dcea5974_ShapePercentage">
            <a:extLst>
              <a:ext uri="{FF2B5EF4-FFF2-40B4-BE49-F238E27FC236}">
                <a16:creationId xmlns:a16="http://schemas.microsoft.com/office/drawing/2014/main" id="{CC2C5916-085E-47E6-8E71-C692AD9FFE1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617683" y="2884530"/>
            <a:ext cx="1409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SLT_b6e140fd7d39456886ff8e6f31e14cfa_ShapePercentage">
            <a:extLst>
              <a:ext uri="{FF2B5EF4-FFF2-40B4-BE49-F238E27FC236}">
                <a16:creationId xmlns:a16="http://schemas.microsoft.com/office/drawing/2014/main" id="{2C47BF4D-794A-4B0E-B76C-0BEA4DEF2E0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172414" y="3118549"/>
            <a:ext cx="469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T_0dbcccb975674f04899a74a05e37151a_ShapePercentage">
            <a:extLst>
              <a:ext uri="{FF2B5EF4-FFF2-40B4-BE49-F238E27FC236}">
                <a16:creationId xmlns:a16="http://schemas.microsoft.com/office/drawing/2014/main" id="{21A6CC03-A1DE-4981-840A-7C65C10D9B8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690657" y="3352568"/>
            <a:ext cx="508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ede62fe484274899bb0413c0f95c7342_ShapePercentage">
            <a:extLst>
              <a:ext uri="{FF2B5EF4-FFF2-40B4-BE49-F238E27FC236}">
                <a16:creationId xmlns:a16="http://schemas.microsoft.com/office/drawing/2014/main" id="{0B68EBDE-4198-4E0A-93AB-CCDE16BA106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312549" y="3586587"/>
            <a:ext cx="254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0c13da28d131453f958a326893d181aa_ShapePercentage">
            <a:extLst>
              <a:ext uri="{FF2B5EF4-FFF2-40B4-BE49-F238E27FC236}">
                <a16:creationId xmlns:a16="http://schemas.microsoft.com/office/drawing/2014/main" id="{C7C83F5D-177A-4494-AEBE-5FDF29C652F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554396" y="3820605"/>
            <a:ext cx="11811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SLT_5d78c6b0b7814ed1b1a765c729792e4e_ShapePercentage">
            <a:extLst>
              <a:ext uri="{FF2B5EF4-FFF2-40B4-BE49-F238E27FC236}">
                <a16:creationId xmlns:a16="http://schemas.microsoft.com/office/drawing/2014/main" id="{12E72A0C-5740-4A83-A88C-3E6B9576755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05478" y="4908911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T_bd2619e33b2341fe8e4038f691ad5224_ShapePercentage">
            <a:extLst>
              <a:ext uri="{FF2B5EF4-FFF2-40B4-BE49-F238E27FC236}">
                <a16:creationId xmlns:a16="http://schemas.microsoft.com/office/drawing/2014/main" id="{791403C2-6C59-4E99-99F5-E7EBE172F49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627371" y="5228188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_32147d5489aa4aae9c9cc3444d7618bf_Header">
            <a:extLst>
              <a:ext uri="{FF2B5EF4-FFF2-40B4-BE49-F238E27FC236}">
                <a16:creationId xmlns:a16="http://schemas.microsoft.com/office/drawing/2014/main" id="{4CACA3D5-5E24-4A17-B467-CD47238DD2E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45726" y="3127016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0A1829"/>
                </a:solidFill>
                <a:latin typeface="Calibri" panose="020F0502020204030204" pitchFamily="34" charset="0"/>
              </a:rPr>
              <a:t>First Semester</a:t>
            </a:r>
          </a:p>
        </p:txBody>
      </p:sp>
      <p:sp>
        <p:nvSpPr>
          <p:cNvPr id="39" name="OTLSHAPE_SL_af08a5ec45844501bacf0074dc49135e_Header">
            <a:extLst>
              <a:ext uri="{FF2B5EF4-FFF2-40B4-BE49-F238E27FC236}">
                <a16:creationId xmlns:a16="http://schemas.microsoft.com/office/drawing/2014/main" id="{CC751226-BE43-4986-8870-9637C1B4008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45726" y="4613593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182B41"/>
                </a:solidFill>
                <a:latin typeface="Calibri" panose="020F0502020204030204" pitchFamily="34" charset="0"/>
              </a:rPr>
              <a:t>Second Semester</a:t>
            </a:r>
          </a:p>
        </p:txBody>
      </p:sp>
      <p:sp>
        <p:nvSpPr>
          <p:cNvPr id="40" name="OTLSHAPE_TB_00000000000000000000000000000000_TodayMarkerShape">
            <a:extLst>
              <a:ext uri="{FF2B5EF4-FFF2-40B4-BE49-F238E27FC236}">
                <a16:creationId xmlns:a16="http://schemas.microsoft.com/office/drawing/2014/main" id="{23F720C9-5FA6-4B35-B8B6-1022F5EE3F7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887975" y="2130743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B_00000000000000000000000000000000_TodayMarkerText">
            <a:extLst>
              <a:ext uri="{FF2B5EF4-FFF2-40B4-BE49-F238E27FC236}">
                <a16:creationId xmlns:a16="http://schemas.microsoft.com/office/drawing/2014/main" id="{11FA82E5-73BF-47D9-80EB-7576710AF30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744133" y="221541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2" name="OTLSHAPE_TB_00000000000000000000000000000000_TimescaleInterval1">
            <a:extLst>
              <a:ext uri="{FF2B5EF4-FFF2-40B4-BE49-F238E27FC236}">
                <a16:creationId xmlns:a16="http://schemas.microsoft.com/office/drawing/2014/main" id="{41D57442-D91A-44EF-95D2-5D6BD8A168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90191" y="1914843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>
            <a:extLst>
              <a:ext uri="{FF2B5EF4-FFF2-40B4-BE49-F238E27FC236}">
                <a16:creationId xmlns:a16="http://schemas.microsoft.com/office/drawing/2014/main" id="{62ED1F46-A50B-42A0-B586-E6D859BB419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026678" y="1914843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4" name="OTLSHAPE_TB_00000000000000000000000000000000_TimescaleInterval3">
            <a:extLst>
              <a:ext uri="{FF2B5EF4-FFF2-40B4-BE49-F238E27FC236}">
                <a16:creationId xmlns:a16="http://schemas.microsoft.com/office/drawing/2014/main" id="{9DAFD351-A667-4D06-A72C-2823340903F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097715" y="1914843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45" name="OTLSHAPE_TB_00000000000000000000000000000000_TimescaleInterval4">
            <a:extLst>
              <a:ext uri="{FF2B5EF4-FFF2-40B4-BE49-F238E27FC236}">
                <a16:creationId xmlns:a16="http://schemas.microsoft.com/office/drawing/2014/main" id="{8BCD9C1B-BF12-4AD5-8F1E-A7AD4A5E5C7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168752" y="1914843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B_00000000000000000000000000000000_TimescaleInterval5">
            <a:extLst>
              <a:ext uri="{FF2B5EF4-FFF2-40B4-BE49-F238E27FC236}">
                <a16:creationId xmlns:a16="http://schemas.microsoft.com/office/drawing/2014/main" id="{06038594-68D3-407E-8E00-D060ABC2FCD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136140" y="1914843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7" name="OTLSHAPE_TB_00000000000000000000000000000000_TimescaleInterval6">
            <a:extLst>
              <a:ext uri="{FF2B5EF4-FFF2-40B4-BE49-F238E27FC236}">
                <a16:creationId xmlns:a16="http://schemas.microsoft.com/office/drawing/2014/main" id="{2E7672AD-C6D2-4C38-9E84-99536ECED74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207177" y="1914843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48" name="OTLSHAPE_TB_00000000000000000000000000000000_TimescaleInterval7">
            <a:extLst>
              <a:ext uri="{FF2B5EF4-FFF2-40B4-BE49-F238E27FC236}">
                <a16:creationId xmlns:a16="http://schemas.microsoft.com/office/drawing/2014/main" id="{47417F22-DA82-4ACA-8D5F-09FADDB5D64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243664" y="1914843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49" name="OTLSHAPE_TB_00000000000000000000000000000000_TimescaleInterval8">
            <a:extLst>
              <a:ext uri="{FF2B5EF4-FFF2-40B4-BE49-F238E27FC236}">
                <a16:creationId xmlns:a16="http://schemas.microsoft.com/office/drawing/2014/main" id="{D3881D69-608E-49BB-A3D0-E1F9EB8BEBF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314700" y="1914843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0" name="OTLSHAPE_TB_00000000000000000000000000000000_TimescaleInterval9">
            <a:extLst>
              <a:ext uri="{FF2B5EF4-FFF2-40B4-BE49-F238E27FC236}">
                <a16:creationId xmlns:a16="http://schemas.microsoft.com/office/drawing/2014/main" id="{D99FBE7D-F095-44E7-AD52-834BF11C0B3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351187" y="1914843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1" name="OTLSHAPE_TB_00000000000000000000000000000000_TimescaleInterval10">
            <a:extLst>
              <a:ext uri="{FF2B5EF4-FFF2-40B4-BE49-F238E27FC236}">
                <a16:creationId xmlns:a16="http://schemas.microsoft.com/office/drawing/2014/main" id="{E68F3F28-F66D-49D0-B7E6-C97F9E7FDFA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422224" y="1914843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" name="OTLSHAPE_TB_00000000000000000000000000000000_ScaleMarking1">
            <a:extLst>
              <a:ext uri="{FF2B5EF4-FFF2-40B4-BE49-F238E27FC236}">
                <a16:creationId xmlns:a16="http://schemas.microsoft.com/office/drawing/2014/main" id="{07036B77-116A-4525-9993-50E3F3B8A87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90191" y="169068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53" name="OTLSHAPE_TB_00000000000000000000000000000000_ScaleMarking2">
            <a:extLst>
              <a:ext uri="{FF2B5EF4-FFF2-40B4-BE49-F238E27FC236}">
                <a16:creationId xmlns:a16="http://schemas.microsoft.com/office/drawing/2014/main" id="{A739AAD9-32A4-41B2-85BF-D4521BCFE8C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097715" y="169068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4" name="OTLSHAPE_SLT_4100794d24444d57947bc2ea4637ee46_JoinedDate">
            <a:extLst>
              <a:ext uri="{FF2B5EF4-FFF2-40B4-BE49-F238E27FC236}">
                <a16:creationId xmlns:a16="http://schemas.microsoft.com/office/drawing/2014/main" id="{424C7E09-4375-4213-9454-E52199248BA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32380" y="245293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1 - Nov 20</a:t>
            </a:r>
          </a:p>
        </p:txBody>
      </p:sp>
      <p:sp>
        <p:nvSpPr>
          <p:cNvPr id="55" name="OTLSHAPE_SLT_4100794d24444d57947bc2ea4637ee46_Title">
            <a:extLst>
              <a:ext uri="{FF2B5EF4-FFF2-40B4-BE49-F238E27FC236}">
                <a16:creationId xmlns:a16="http://schemas.microsoft.com/office/drawing/2014/main" id="{AED14887-4188-4D59-BB58-BFFCDB5B317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668459" y="264276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nalyze Websites</a:t>
            </a:r>
          </a:p>
        </p:txBody>
      </p:sp>
      <p:sp>
        <p:nvSpPr>
          <p:cNvPr id="56" name="OTLSHAPE_SLT_4100794d24444d57947bc2ea4637ee46_TextPercentage">
            <a:extLst>
              <a:ext uri="{FF2B5EF4-FFF2-40B4-BE49-F238E27FC236}">
                <a16:creationId xmlns:a16="http://schemas.microsoft.com/office/drawing/2014/main" id="{07FD5838-4C1E-4E5B-9958-F937605E87C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33687" y="265051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" name="OTLSHAPE_SLT_30c823781b984ca3b31a1e14dcea5974_JoinedDate">
            <a:extLst>
              <a:ext uri="{FF2B5EF4-FFF2-40B4-BE49-F238E27FC236}">
                <a16:creationId xmlns:a16="http://schemas.microsoft.com/office/drawing/2014/main" id="{2B63A055-5642-4CB3-99DA-8BF68FFFB7E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33721" y="287532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21 - Jan 4</a:t>
            </a:r>
          </a:p>
        </p:txBody>
      </p:sp>
      <p:sp>
        <p:nvSpPr>
          <p:cNvPr id="58" name="OTLSHAPE_SLT_30c823781b984ca3b31a1e14dcea5974_Title">
            <a:extLst>
              <a:ext uri="{FF2B5EF4-FFF2-40B4-BE49-F238E27FC236}">
                <a16:creationId xmlns:a16="http://schemas.microsoft.com/office/drawing/2014/main" id="{93B139DF-827D-48CC-A442-C0B7D97FF2C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223190" y="2876784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struct Use Case Diagrams, Construct Use Case Tables</a:t>
            </a:r>
          </a:p>
        </p:txBody>
      </p:sp>
      <p:sp>
        <p:nvSpPr>
          <p:cNvPr id="59" name="OTLSHAPE_SLT_30c823781b984ca3b31a1e14dcea5974_TextPercentage">
            <a:extLst>
              <a:ext uri="{FF2B5EF4-FFF2-40B4-BE49-F238E27FC236}">
                <a16:creationId xmlns:a16="http://schemas.microsoft.com/office/drawing/2014/main" id="{66764AF7-D72E-4161-8844-772030189C9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797336" y="28845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0" name="OTLSHAPE_SLT_b6e140fd7d39456886ff8e6f31e14cfa_JoinedDate">
            <a:extLst>
              <a:ext uri="{FF2B5EF4-FFF2-40B4-BE49-F238E27FC236}">
                <a16:creationId xmlns:a16="http://schemas.microsoft.com/office/drawing/2014/main" id="{034E1F36-A374-45A8-A824-81241CAF582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438650" y="311854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5 - Jan 19</a:t>
            </a:r>
          </a:p>
        </p:txBody>
      </p:sp>
      <p:sp>
        <p:nvSpPr>
          <p:cNvPr id="61" name="OTLSHAPE_SLT_b6e140fd7d39456886ff8e6f31e14cfa_Title">
            <a:extLst>
              <a:ext uri="{FF2B5EF4-FFF2-40B4-BE49-F238E27FC236}">
                <a16:creationId xmlns:a16="http://schemas.microsoft.com/office/drawing/2014/main" id="{724EF45D-4E94-4657-9BCE-995CC545A34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741433" y="3110802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struct Class Diagrams</a:t>
            </a:r>
          </a:p>
        </p:txBody>
      </p:sp>
      <p:sp>
        <p:nvSpPr>
          <p:cNvPr id="62" name="OTLSHAPE_SLT_b6e140fd7d39456886ff8e6f31e14cfa_TextPercentage">
            <a:extLst>
              <a:ext uri="{FF2B5EF4-FFF2-40B4-BE49-F238E27FC236}">
                <a16:creationId xmlns:a16="http://schemas.microsoft.com/office/drawing/2014/main" id="{18D7EFF3-ED27-4FEB-BAC8-8F2D85EF562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419228" y="311854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3" name="OTLSHAPE_SLT_0dbcccb975674f04899a74a05e37151a_JoinedDate">
            <a:extLst>
              <a:ext uri="{FF2B5EF4-FFF2-40B4-BE49-F238E27FC236}">
                <a16:creationId xmlns:a16="http://schemas.microsoft.com/office/drawing/2014/main" id="{49B7C5DF-2DBB-4DF8-B37E-3C94D18435D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938563" y="335256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20 - Feb 6</a:t>
            </a:r>
          </a:p>
        </p:txBody>
      </p:sp>
      <p:sp>
        <p:nvSpPr>
          <p:cNvPr id="64" name="OTLSHAPE_SLT_0dbcccb975674f04899a74a05e37151a_Title">
            <a:extLst>
              <a:ext uri="{FF2B5EF4-FFF2-40B4-BE49-F238E27FC236}">
                <a16:creationId xmlns:a16="http://schemas.microsoft.com/office/drawing/2014/main" id="{24A4BB38-55E2-4A00-A8A1-4F78C11A936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363326" y="3344821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struct Sequence Diagrams</a:t>
            </a:r>
          </a:p>
        </p:txBody>
      </p:sp>
      <p:sp>
        <p:nvSpPr>
          <p:cNvPr id="65" name="OTLSHAPE_SLT_0dbcccb975674f04899a74a05e37151a_TextPercentage">
            <a:extLst>
              <a:ext uri="{FF2B5EF4-FFF2-40B4-BE49-F238E27FC236}">
                <a16:creationId xmlns:a16="http://schemas.microsoft.com/office/drawing/2014/main" id="{98BBC226-D1F9-4167-96B6-A363C34511C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68569" y="335256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66" name="OTLSHAPE_SLT_ede62fe484274899bb0413c0f95c7342_JoinedDate">
            <a:extLst>
              <a:ext uri="{FF2B5EF4-FFF2-40B4-BE49-F238E27FC236}">
                <a16:creationId xmlns:a16="http://schemas.microsoft.com/office/drawing/2014/main" id="{5EE5A85C-4C7D-4408-8985-A108287351A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42125" y="358658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7 - Feb 14</a:t>
            </a:r>
          </a:p>
        </p:txBody>
      </p:sp>
      <p:sp>
        <p:nvSpPr>
          <p:cNvPr id="67" name="OTLSHAPE_SLT_ede62fe484274899bb0413c0f95c7342_Title">
            <a:extLst>
              <a:ext uri="{FF2B5EF4-FFF2-40B4-BE49-F238E27FC236}">
                <a16:creationId xmlns:a16="http://schemas.microsoft.com/office/drawing/2014/main" id="{DCF1C948-A2C5-4A9F-9F34-EE0732E04A0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639722" y="3578839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ioritize Compiled Features</a:t>
            </a:r>
          </a:p>
        </p:txBody>
      </p:sp>
      <p:sp>
        <p:nvSpPr>
          <p:cNvPr id="68" name="OTLSHAPE_SLT_ede62fe484274899bb0413c0f95c7342_TextPercentage">
            <a:extLst>
              <a:ext uri="{FF2B5EF4-FFF2-40B4-BE49-F238E27FC236}">
                <a16:creationId xmlns:a16="http://schemas.microsoft.com/office/drawing/2014/main" id="{088CA35F-BE6D-40DA-BEC8-F8BA98FC916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341702" y="358658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9" name="OTLSHAPE_SLT_0c13da28d131453f958a326893d181aa_JoinedDate">
            <a:extLst>
              <a:ext uri="{FF2B5EF4-FFF2-40B4-BE49-F238E27FC236}">
                <a16:creationId xmlns:a16="http://schemas.microsoft.com/office/drawing/2014/main" id="{EBB3000A-054B-4B1D-8273-C9031D9092D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692278" y="382060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14 - Mar 19</a:t>
            </a:r>
          </a:p>
        </p:txBody>
      </p:sp>
      <p:sp>
        <p:nvSpPr>
          <p:cNvPr id="70" name="OTLSHAPE_SLT_0c13da28d131453f958a326893d181aa_Title">
            <a:extLst>
              <a:ext uri="{FF2B5EF4-FFF2-40B4-BE49-F238E27FC236}">
                <a16:creationId xmlns:a16="http://schemas.microsoft.com/office/drawing/2014/main" id="{A9A7BF22-8215-4EB6-BFF6-9696012EC67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779858" y="3812858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pare for The Mid Year Exams</a:t>
            </a:r>
          </a:p>
        </p:txBody>
      </p:sp>
      <p:sp>
        <p:nvSpPr>
          <p:cNvPr id="71" name="OTLSHAPE_SLT_0c13da28d131453f958a326893d181aa_TextPercentage">
            <a:extLst>
              <a:ext uri="{FF2B5EF4-FFF2-40B4-BE49-F238E27FC236}">
                <a16:creationId xmlns:a16="http://schemas.microsoft.com/office/drawing/2014/main" id="{68F2F0FD-F5DE-438C-8C8D-5AAD39A62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445086" y="38206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2" name="OTLSHAPE_SLT_ada590fc3df34d5f8d7cbc19f087f846_JoinedDate">
            <a:extLst>
              <a:ext uri="{FF2B5EF4-FFF2-40B4-BE49-F238E27FC236}">
                <a16:creationId xmlns:a16="http://schemas.microsoft.com/office/drawing/2014/main" id="{D799F078-4666-4D96-AE54-42FDACCD570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839658" y="4285849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Mar 23</a:t>
            </a:r>
          </a:p>
        </p:txBody>
      </p:sp>
      <p:sp>
        <p:nvSpPr>
          <p:cNvPr id="73" name="OTLSHAPE_SLT_ada590fc3df34d5f8d7cbc19f087f846_TextPercentage">
            <a:extLst>
              <a:ext uri="{FF2B5EF4-FFF2-40B4-BE49-F238E27FC236}">
                <a16:creationId xmlns:a16="http://schemas.microsoft.com/office/drawing/2014/main" id="{4ECAD896-F358-4B5E-9789-31FD0A6D9C4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729082" y="412307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74" name="OTLSHAPE_SLT_ada590fc3df34d5f8d7cbc19f087f846_Title">
            <a:extLst>
              <a:ext uri="{FF2B5EF4-FFF2-40B4-BE49-F238E27FC236}">
                <a16:creationId xmlns:a16="http://schemas.microsoft.com/office/drawing/2014/main" id="{631999C5-AA90-4BAB-9F03-9631E35B1E8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918056" y="427810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struct ERD</a:t>
            </a:r>
          </a:p>
        </p:txBody>
      </p:sp>
      <p:sp>
        <p:nvSpPr>
          <p:cNvPr id="75" name="OTLSHAPE_SLT_f2fc14571a8d4f4fa1b9d3061b254a4b_JoinedDate">
            <a:extLst>
              <a:ext uri="{FF2B5EF4-FFF2-40B4-BE49-F238E27FC236}">
                <a16:creationId xmlns:a16="http://schemas.microsoft.com/office/drawing/2014/main" id="{7A1488DA-9598-42E8-95F6-E401299F2AC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977857" y="4674892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4 - Mar 26</a:t>
            </a:r>
          </a:p>
        </p:txBody>
      </p:sp>
      <p:sp>
        <p:nvSpPr>
          <p:cNvPr id="76" name="OTLSHAPE_SLT_f2fc14571a8d4f4fa1b9d3061b254a4b_TextPercentage">
            <a:extLst>
              <a:ext uri="{FF2B5EF4-FFF2-40B4-BE49-F238E27FC236}">
                <a16:creationId xmlns:a16="http://schemas.microsoft.com/office/drawing/2014/main" id="{6C486389-2E1D-47B3-8AE9-356B5E2D4AF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867280" y="451212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7" name="OTLSHAPE_SLT_f2fc14571a8d4f4fa1b9d3061b254a4b_Title">
            <a:extLst>
              <a:ext uri="{FF2B5EF4-FFF2-40B4-BE49-F238E27FC236}">
                <a16:creationId xmlns:a16="http://schemas.microsoft.com/office/drawing/2014/main" id="{09A3A8D1-A481-4B4B-9B21-9B85475840C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021705" y="466714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sign Website Prototype</a:t>
            </a:r>
          </a:p>
        </p:txBody>
      </p:sp>
      <p:sp>
        <p:nvSpPr>
          <p:cNvPr id="78" name="OTLSHAPE_SLT_5d78c6b0b7814ed1b1a765c729792e4e_JoinedDate">
            <a:extLst>
              <a:ext uri="{FF2B5EF4-FFF2-40B4-BE49-F238E27FC236}">
                <a16:creationId xmlns:a16="http://schemas.microsoft.com/office/drawing/2014/main" id="{8D21B2DD-1162-4788-91D0-F5F187D0880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169607" y="490891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28 - May 7</a:t>
            </a:r>
          </a:p>
        </p:txBody>
      </p:sp>
      <p:sp>
        <p:nvSpPr>
          <p:cNvPr id="79" name="OTLSHAPE_SLT_5d78c6b0b7814ed1b1a765c729792e4e_Title">
            <a:extLst>
              <a:ext uri="{FF2B5EF4-FFF2-40B4-BE49-F238E27FC236}">
                <a16:creationId xmlns:a16="http://schemas.microsoft.com/office/drawing/2014/main" id="{B0A54430-80CD-4BE5-BD0D-74FBBB1D6C8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472787" y="4901163"/>
            <a:ext cx="386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Learn Angular Frontend Framework, Learn .NET Framework and C#</a:t>
            </a:r>
          </a:p>
        </p:txBody>
      </p:sp>
      <p:sp>
        <p:nvSpPr>
          <p:cNvPr id="80" name="OTLSHAPE_SLT_5d78c6b0b7814ed1b1a765c729792e4e_TextPercentage">
            <a:extLst>
              <a:ext uri="{FF2B5EF4-FFF2-40B4-BE49-F238E27FC236}">
                <a16:creationId xmlns:a16="http://schemas.microsoft.com/office/drawing/2014/main" id="{A2191767-4788-4973-BC5B-5EBAFE6041D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18178" y="490891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81" name="OTLSHAPE_SLT_bd2619e33b2341fe8e4038f691ad5224_JoinedDate">
            <a:extLst>
              <a:ext uri="{FF2B5EF4-FFF2-40B4-BE49-F238E27FC236}">
                <a16:creationId xmlns:a16="http://schemas.microsoft.com/office/drawing/2014/main" id="{95D4F166-C0B5-4C8B-9878-706EDF526B1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845262" y="522818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5 - Aug 1</a:t>
            </a:r>
          </a:p>
        </p:txBody>
      </p:sp>
      <p:sp>
        <p:nvSpPr>
          <p:cNvPr id="82" name="OTLSHAPE_SLT_bd2619e33b2341fe8e4038f691ad5224_TextPercentage">
            <a:extLst>
              <a:ext uri="{FF2B5EF4-FFF2-40B4-BE49-F238E27FC236}">
                <a16:creationId xmlns:a16="http://schemas.microsoft.com/office/drawing/2014/main" id="{0CE26588-77B3-4515-AE63-BD17A72EA68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640071" y="52281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</p:spTree>
    <p:extLst>
      <p:ext uri="{BB962C8B-B14F-4D97-AF65-F5344CB8AC3E}">
        <p14:creationId xmlns:p14="http://schemas.microsoft.com/office/powerpoint/2010/main" val="210432842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5D13CC36-B950-4F02-9BAF-9A7EB26739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1BDED99-B35B-4FEE-A274-8E8DB6FEEE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9024730" cy="6857999"/>
          </a:xfrm>
          <a:prstGeom prst="rect">
            <a:avLst/>
          </a:prstGeom>
          <a:solidFill>
            <a:srgbClr val="82766A">
              <a:alpha val="1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 descr="Light bulb on yellow background with sketched light beams and cord">
            <a:extLst>
              <a:ext uri="{FF2B5EF4-FFF2-40B4-BE49-F238E27FC236}">
                <a16:creationId xmlns:a16="http://schemas.microsoft.com/office/drawing/2014/main" id="{A69353A2-35D2-4CBE-8B59-FEF922F22F9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3190" r="8932"/>
          <a:stretch/>
        </p:blipFill>
        <p:spPr>
          <a:xfrm>
            <a:off x="7968222" y="10"/>
            <a:ext cx="4223778" cy="6857990"/>
          </a:xfrm>
          <a:custGeom>
            <a:avLst/>
            <a:gdLst/>
            <a:ahLst/>
            <a:cxnLst/>
            <a:rect l="l" t="t" r="r" b="b"/>
            <a:pathLst>
              <a:path w="4223778" h="6865951">
                <a:moveTo>
                  <a:pt x="478794" y="0"/>
                </a:moveTo>
                <a:lnTo>
                  <a:pt x="4223778" y="0"/>
                </a:lnTo>
                <a:lnTo>
                  <a:pt x="4223778" y="6865951"/>
                </a:lnTo>
                <a:lnTo>
                  <a:pt x="52221" y="6865951"/>
                </a:lnTo>
                <a:lnTo>
                  <a:pt x="49989" y="6844695"/>
                </a:lnTo>
                <a:cubicBezTo>
                  <a:pt x="46440" y="6810509"/>
                  <a:pt x="42891" y="6776323"/>
                  <a:pt x="41304" y="6765443"/>
                </a:cubicBezTo>
                <a:cubicBezTo>
                  <a:pt x="35681" y="6732842"/>
                  <a:pt x="13533" y="6716945"/>
                  <a:pt x="11182" y="6694817"/>
                </a:cubicBezTo>
                <a:cubicBezTo>
                  <a:pt x="16764" y="6697663"/>
                  <a:pt x="14835" y="6635151"/>
                  <a:pt x="10913" y="6627127"/>
                </a:cubicBezTo>
                <a:cubicBezTo>
                  <a:pt x="19564" y="6579282"/>
                  <a:pt x="-12861" y="6585665"/>
                  <a:pt x="5999" y="6527525"/>
                </a:cubicBezTo>
                <a:cubicBezTo>
                  <a:pt x="12287" y="6468687"/>
                  <a:pt x="19003" y="6409739"/>
                  <a:pt x="7685" y="6346547"/>
                </a:cubicBezTo>
                <a:cubicBezTo>
                  <a:pt x="31149" y="6240430"/>
                  <a:pt x="5895" y="6134229"/>
                  <a:pt x="12535" y="6084924"/>
                </a:cubicBezTo>
                <a:cubicBezTo>
                  <a:pt x="14696" y="6024961"/>
                  <a:pt x="53867" y="6020785"/>
                  <a:pt x="45320" y="5989742"/>
                </a:cubicBezTo>
                <a:cubicBezTo>
                  <a:pt x="41264" y="5940899"/>
                  <a:pt x="43258" y="5932095"/>
                  <a:pt x="40418" y="5889597"/>
                </a:cubicBezTo>
                <a:cubicBezTo>
                  <a:pt x="20860" y="5848611"/>
                  <a:pt x="51187" y="5792775"/>
                  <a:pt x="49796" y="5755774"/>
                </a:cubicBezTo>
                <a:cubicBezTo>
                  <a:pt x="43522" y="5734342"/>
                  <a:pt x="37368" y="5692606"/>
                  <a:pt x="49956" y="5684909"/>
                </a:cubicBezTo>
                <a:cubicBezTo>
                  <a:pt x="52825" y="5660429"/>
                  <a:pt x="62553" y="5623499"/>
                  <a:pt x="67011" y="5608897"/>
                </a:cubicBezTo>
                <a:lnTo>
                  <a:pt x="76701" y="5597290"/>
                </a:lnTo>
                <a:cubicBezTo>
                  <a:pt x="87717" y="5587442"/>
                  <a:pt x="82431" y="5550877"/>
                  <a:pt x="89120" y="5529641"/>
                </a:cubicBezTo>
                <a:cubicBezTo>
                  <a:pt x="69291" y="5496375"/>
                  <a:pt x="118554" y="5526326"/>
                  <a:pt x="94330" y="5470852"/>
                </a:cubicBezTo>
                <a:cubicBezTo>
                  <a:pt x="95483" y="5449506"/>
                  <a:pt x="114690" y="5429653"/>
                  <a:pt x="116139" y="5390946"/>
                </a:cubicBezTo>
                <a:cubicBezTo>
                  <a:pt x="127589" y="5337323"/>
                  <a:pt x="132794" y="5338384"/>
                  <a:pt x="135560" y="5284344"/>
                </a:cubicBezTo>
                <a:cubicBezTo>
                  <a:pt x="143629" y="5226223"/>
                  <a:pt x="148113" y="5192743"/>
                  <a:pt x="158141" y="5143920"/>
                </a:cubicBezTo>
                <a:cubicBezTo>
                  <a:pt x="170128" y="5118849"/>
                  <a:pt x="159838" y="5102006"/>
                  <a:pt x="174950" y="5088188"/>
                </a:cubicBezTo>
                <a:cubicBezTo>
                  <a:pt x="197620" y="5107654"/>
                  <a:pt x="181875" y="4983257"/>
                  <a:pt x="203603" y="5010764"/>
                </a:cubicBezTo>
                <a:lnTo>
                  <a:pt x="258582" y="4919969"/>
                </a:lnTo>
                <a:cubicBezTo>
                  <a:pt x="238838" y="4883087"/>
                  <a:pt x="271098" y="4853332"/>
                  <a:pt x="287910" y="4849612"/>
                </a:cubicBezTo>
                <a:cubicBezTo>
                  <a:pt x="294156" y="4811643"/>
                  <a:pt x="286101" y="4834074"/>
                  <a:pt x="305439" y="4799017"/>
                </a:cubicBezTo>
                <a:cubicBezTo>
                  <a:pt x="322572" y="4758926"/>
                  <a:pt x="352642" y="4705848"/>
                  <a:pt x="373456" y="4667754"/>
                </a:cubicBezTo>
                <a:cubicBezTo>
                  <a:pt x="384080" y="4649919"/>
                  <a:pt x="401158" y="4670663"/>
                  <a:pt x="407944" y="4574050"/>
                </a:cubicBezTo>
                <a:cubicBezTo>
                  <a:pt x="408098" y="4548109"/>
                  <a:pt x="427782" y="4503327"/>
                  <a:pt x="425133" y="4462469"/>
                </a:cubicBezTo>
                <a:lnTo>
                  <a:pt x="433890" y="4364681"/>
                </a:lnTo>
                <a:cubicBezTo>
                  <a:pt x="430018" y="4339230"/>
                  <a:pt x="435361" y="4287915"/>
                  <a:pt x="440691" y="4222147"/>
                </a:cubicBezTo>
                <a:cubicBezTo>
                  <a:pt x="451463" y="4164562"/>
                  <a:pt x="497377" y="4067298"/>
                  <a:pt x="503057" y="3977136"/>
                </a:cubicBezTo>
                <a:cubicBezTo>
                  <a:pt x="519229" y="3939837"/>
                  <a:pt x="472839" y="3875689"/>
                  <a:pt x="507582" y="3776020"/>
                </a:cubicBezTo>
                <a:cubicBezTo>
                  <a:pt x="497716" y="3757477"/>
                  <a:pt x="518006" y="3707185"/>
                  <a:pt x="521577" y="3692206"/>
                </a:cubicBezTo>
                <a:cubicBezTo>
                  <a:pt x="525148" y="3677227"/>
                  <a:pt x="526352" y="3687655"/>
                  <a:pt x="529009" y="3686147"/>
                </a:cubicBezTo>
                <a:cubicBezTo>
                  <a:pt x="531848" y="3650325"/>
                  <a:pt x="545504" y="3563351"/>
                  <a:pt x="551870" y="3514534"/>
                </a:cubicBezTo>
                <a:cubicBezTo>
                  <a:pt x="561331" y="3487751"/>
                  <a:pt x="581973" y="3426419"/>
                  <a:pt x="567205" y="3393248"/>
                </a:cubicBezTo>
                <a:cubicBezTo>
                  <a:pt x="585208" y="3400657"/>
                  <a:pt x="563566" y="3353906"/>
                  <a:pt x="579630" y="3344723"/>
                </a:cubicBezTo>
                <a:cubicBezTo>
                  <a:pt x="592861" y="3339338"/>
                  <a:pt x="589379" y="3323900"/>
                  <a:pt x="592672" y="3310978"/>
                </a:cubicBezTo>
                <a:cubicBezTo>
                  <a:pt x="605351" y="3299735"/>
                  <a:pt x="594296" y="3237176"/>
                  <a:pt x="589270" y="3216655"/>
                </a:cubicBezTo>
                <a:cubicBezTo>
                  <a:pt x="566909" y="3160431"/>
                  <a:pt x="626099" y="3142203"/>
                  <a:pt x="609663" y="3096973"/>
                </a:cubicBezTo>
                <a:cubicBezTo>
                  <a:pt x="609191" y="3084373"/>
                  <a:pt x="615889" y="3033331"/>
                  <a:pt x="618886" y="3023628"/>
                </a:cubicBezTo>
                <a:lnTo>
                  <a:pt x="630425" y="2998646"/>
                </a:lnTo>
                <a:lnTo>
                  <a:pt x="640017" y="2995914"/>
                </a:lnTo>
                <a:lnTo>
                  <a:pt x="643600" y="2978244"/>
                </a:lnTo>
                <a:lnTo>
                  <a:pt x="659520" y="2950805"/>
                </a:lnTo>
                <a:cubicBezTo>
                  <a:pt x="620152" y="2937671"/>
                  <a:pt x="687598" y="2860550"/>
                  <a:pt x="650890" y="2864933"/>
                </a:cubicBezTo>
                <a:cubicBezTo>
                  <a:pt x="663707" y="2817056"/>
                  <a:pt x="662078" y="2779813"/>
                  <a:pt x="640210" y="2741864"/>
                </a:cubicBezTo>
                <a:cubicBezTo>
                  <a:pt x="634452" y="2649732"/>
                  <a:pt x="665268" y="2597914"/>
                  <a:pt x="639387" y="2510931"/>
                </a:cubicBezTo>
                <a:cubicBezTo>
                  <a:pt x="645574" y="2407642"/>
                  <a:pt x="671719" y="2317589"/>
                  <a:pt x="680438" y="2227415"/>
                </a:cubicBezTo>
                <a:cubicBezTo>
                  <a:pt x="664175" y="2189847"/>
                  <a:pt x="704423" y="2141655"/>
                  <a:pt x="688135" y="2054289"/>
                </a:cubicBezTo>
                <a:cubicBezTo>
                  <a:pt x="683239" y="2048201"/>
                  <a:pt x="684029" y="1979567"/>
                  <a:pt x="681480" y="1972202"/>
                </a:cubicBezTo>
                <a:lnTo>
                  <a:pt x="686247" y="1917474"/>
                </a:lnTo>
                <a:lnTo>
                  <a:pt x="679783" y="1862721"/>
                </a:lnTo>
                <a:cubicBezTo>
                  <a:pt x="683677" y="1851209"/>
                  <a:pt x="688980" y="1824057"/>
                  <a:pt x="686639" y="1818227"/>
                </a:cubicBezTo>
                <a:lnTo>
                  <a:pt x="658235" y="1742488"/>
                </a:lnTo>
                <a:cubicBezTo>
                  <a:pt x="645662" y="1715201"/>
                  <a:pt x="661423" y="1719638"/>
                  <a:pt x="636990" y="1638389"/>
                </a:cubicBezTo>
                <a:cubicBezTo>
                  <a:pt x="626351" y="1601441"/>
                  <a:pt x="629414" y="1617134"/>
                  <a:pt x="602059" y="1570807"/>
                </a:cubicBezTo>
                <a:lnTo>
                  <a:pt x="570903" y="1513173"/>
                </a:lnTo>
                <a:cubicBezTo>
                  <a:pt x="570781" y="1503175"/>
                  <a:pt x="550561" y="1468055"/>
                  <a:pt x="550438" y="1458058"/>
                </a:cubicBezTo>
                <a:cubicBezTo>
                  <a:pt x="556848" y="1428101"/>
                  <a:pt x="546263" y="1422712"/>
                  <a:pt x="531416" y="1385478"/>
                </a:cubicBezTo>
                <a:cubicBezTo>
                  <a:pt x="527790" y="1370753"/>
                  <a:pt x="490725" y="1304050"/>
                  <a:pt x="501981" y="1265452"/>
                </a:cubicBezTo>
                <a:cubicBezTo>
                  <a:pt x="501825" y="1234781"/>
                  <a:pt x="490462" y="1187660"/>
                  <a:pt x="487370" y="1141743"/>
                </a:cubicBezTo>
                <a:cubicBezTo>
                  <a:pt x="484278" y="1095826"/>
                  <a:pt x="483852" y="1028118"/>
                  <a:pt x="483427" y="989948"/>
                </a:cubicBezTo>
                <a:cubicBezTo>
                  <a:pt x="483001" y="951779"/>
                  <a:pt x="494678" y="945984"/>
                  <a:pt x="484820" y="912725"/>
                </a:cubicBezTo>
                <a:cubicBezTo>
                  <a:pt x="467566" y="854951"/>
                  <a:pt x="510777" y="860797"/>
                  <a:pt x="475093" y="812798"/>
                </a:cubicBezTo>
                <a:cubicBezTo>
                  <a:pt x="461960" y="787034"/>
                  <a:pt x="498505" y="551948"/>
                  <a:pt x="461972" y="450605"/>
                </a:cubicBezTo>
                <a:cubicBezTo>
                  <a:pt x="470167" y="357604"/>
                  <a:pt x="458694" y="431306"/>
                  <a:pt x="465015" y="372906"/>
                </a:cubicBezTo>
                <a:cubicBezTo>
                  <a:pt x="503427" y="364177"/>
                  <a:pt x="489736" y="290341"/>
                  <a:pt x="490377" y="246134"/>
                </a:cubicBezTo>
                <a:cubicBezTo>
                  <a:pt x="491019" y="201927"/>
                  <a:pt x="449725" y="138160"/>
                  <a:pt x="468864" y="107666"/>
                </a:cubicBezTo>
                <a:cubicBezTo>
                  <a:pt x="468282" y="89794"/>
                  <a:pt x="477749" y="76947"/>
                  <a:pt x="477167" y="59075"/>
                </a:cubicBezTo>
                <a:lnTo>
                  <a:pt x="472992" y="14560"/>
                </a:lnTo>
                <a:close/>
              </a:path>
            </a:pathLst>
          </a:cu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95B5E8D-C57B-44F6-97C6-7C953ED64F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37034" y="609600"/>
            <a:ext cx="6831188" cy="1322887"/>
          </a:xfrm>
        </p:spPr>
        <p:txBody>
          <a:bodyPr>
            <a:normAutofit/>
          </a:bodyPr>
          <a:lstStyle/>
          <a:p>
            <a:r>
              <a:rPr lang="en-GB" dirty="0"/>
              <a:t>Conclus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6F6C78-E783-4C6B-AFB8-522B2110F3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37035" y="2194102"/>
            <a:ext cx="6516216" cy="3908585"/>
          </a:xfrm>
        </p:spPr>
        <p:txBody>
          <a:bodyPr>
            <a:normAutofit/>
          </a:bodyPr>
          <a:lstStyle/>
          <a:p>
            <a:r>
              <a:rPr lang="en-GB" sz="2000"/>
              <a:t>As you can see from the system specifications, we manged to capture the system requirements and dividing the system into parts.</a:t>
            </a:r>
          </a:p>
          <a:p>
            <a:endParaRPr lang="en-GB" sz="2000"/>
          </a:p>
          <a:p>
            <a:r>
              <a:rPr lang="en-GB" sz="2000"/>
              <a:t>Now we are in the designing step, we will use Agile SDLC so we implementing the system in manageable incremental steps instead of one big step.</a:t>
            </a:r>
          </a:p>
          <a:p>
            <a:endParaRPr lang="en-GB" sz="2000"/>
          </a:p>
          <a:p>
            <a:r>
              <a:rPr lang="en-GB" sz="2000"/>
              <a:t>The first agile cycle will include Student/Instructor Registration and Account Management.</a:t>
            </a:r>
          </a:p>
          <a:p>
            <a:endParaRPr lang="en-GB" sz="2000"/>
          </a:p>
        </p:txBody>
      </p:sp>
    </p:spTree>
    <p:extLst>
      <p:ext uri="{BB962C8B-B14F-4D97-AF65-F5344CB8AC3E}">
        <p14:creationId xmlns:p14="http://schemas.microsoft.com/office/powerpoint/2010/main" val="231972239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0" name="Rectangle 29">
            <a:extLst>
              <a:ext uri="{FF2B5EF4-FFF2-40B4-BE49-F238E27FC236}">
                <a16:creationId xmlns:a16="http://schemas.microsoft.com/office/drawing/2014/main" id="{8D1AA55E-40D5-461B-A5A8-4AE8AAB71B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7EB498BD-8089-4626-91EA-4978EBEF535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0" y="806470"/>
            <a:ext cx="7903723" cy="0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08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Content Placeholder 2">
            <a:extLst>
              <a:ext uri="{FF2B5EF4-FFF2-40B4-BE49-F238E27FC236}">
                <a16:creationId xmlns:a16="http://schemas.microsoft.com/office/drawing/2014/main" id="{2D2A7C81-EE7C-497D-B9F8-03F828F13F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03776" y="1322968"/>
            <a:ext cx="6190412" cy="4850822"/>
          </a:xfrm>
        </p:spPr>
        <p:txBody>
          <a:bodyPr anchor="t">
            <a:normAutofit/>
          </a:bodyPr>
          <a:lstStyle/>
          <a:p>
            <a:r>
              <a:rPr lang="en-GB" sz="1900" dirty="0">
                <a:solidFill>
                  <a:schemeClr val="tx1">
                    <a:alpha val="80000"/>
                  </a:schemeClr>
                </a:solidFill>
              </a:rPr>
              <a:t>The current E-com could be better, that why we decided to develop this system for the next generations of our faculty.</a:t>
            </a:r>
          </a:p>
          <a:p>
            <a:endParaRPr lang="en-GB" sz="19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1900" dirty="0">
                <a:solidFill>
                  <a:schemeClr val="tx1">
                    <a:alpha val="80000"/>
                  </a:schemeClr>
                </a:solidFill>
              </a:rPr>
              <a:t>Developing such system is not an easy task, the E-com is a complex system with nearly unlimited number of details.</a:t>
            </a:r>
          </a:p>
          <a:p>
            <a:endParaRPr lang="en-GB" sz="19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1900" dirty="0">
                <a:solidFill>
                  <a:schemeClr val="tx1">
                    <a:alpha val="80000"/>
                  </a:schemeClr>
                </a:solidFill>
              </a:rPr>
              <a:t>Developing a complex system requires good management of resources and great communication between the project members.</a:t>
            </a:r>
          </a:p>
          <a:p>
            <a:endParaRPr lang="en-GB" sz="19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1900" dirty="0">
                <a:solidFill>
                  <a:schemeClr val="tx1">
                    <a:alpha val="80000"/>
                  </a:schemeClr>
                </a:solidFill>
              </a:rPr>
              <a:t>However, by applying the software engineering concepts that we studied throughout our journey in the faculty and with of our supervisors, we hope that we are able to do it.</a:t>
            </a:r>
          </a:p>
        </p:txBody>
      </p:sp>
      <p:pic>
        <p:nvPicPr>
          <p:cNvPr id="7" name="Graphic 6" descr="Open Hand with Plant">
            <a:extLst>
              <a:ext uri="{FF2B5EF4-FFF2-40B4-BE49-F238E27FC236}">
                <a16:creationId xmlns:a16="http://schemas.microsoft.com/office/drawing/2014/main" id="{6CB8E202-BE19-465D-927B-9BDF03692B8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72653" y="1980885"/>
            <a:ext cx="3548404" cy="3548404"/>
          </a:xfrm>
          <a:prstGeom prst="rect">
            <a:avLst/>
          </a:prstGeom>
        </p:spPr>
      </p:pic>
      <p:sp>
        <p:nvSpPr>
          <p:cNvPr id="34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924552" y="1899284"/>
            <a:ext cx="139039" cy="139039"/>
          </a:xfrm>
          <a:custGeom>
            <a:avLst/>
            <a:gdLst>
              <a:gd name="connsiteX0" fmla="*/ 129602 w 139039"/>
              <a:gd name="connsiteY0" fmla="*/ 60082 h 139039"/>
              <a:gd name="connsiteX1" fmla="*/ 78957 w 139039"/>
              <a:gd name="connsiteY1" fmla="*/ 60082 h 139039"/>
              <a:gd name="connsiteX2" fmla="*/ 78957 w 139039"/>
              <a:gd name="connsiteY2" fmla="*/ 9437 h 139039"/>
              <a:gd name="connsiteX3" fmla="*/ 69520 w 139039"/>
              <a:gd name="connsiteY3" fmla="*/ 0 h 139039"/>
              <a:gd name="connsiteX4" fmla="*/ 60082 w 139039"/>
              <a:gd name="connsiteY4" fmla="*/ 9437 h 139039"/>
              <a:gd name="connsiteX5" fmla="*/ 60082 w 139039"/>
              <a:gd name="connsiteY5" fmla="*/ 60082 h 139039"/>
              <a:gd name="connsiteX6" fmla="*/ 9437 w 139039"/>
              <a:gd name="connsiteY6" fmla="*/ 60082 h 139039"/>
              <a:gd name="connsiteX7" fmla="*/ 0 w 139039"/>
              <a:gd name="connsiteY7" fmla="*/ 69520 h 139039"/>
              <a:gd name="connsiteX8" fmla="*/ 9437 w 139039"/>
              <a:gd name="connsiteY8" fmla="*/ 78957 h 139039"/>
              <a:gd name="connsiteX9" fmla="*/ 60082 w 139039"/>
              <a:gd name="connsiteY9" fmla="*/ 78957 h 139039"/>
              <a:gd name="connsiteX10" fmla="*/ 60082 w 139039"/>
              <a:gd name="connsiteY10" fmla="*/ 129602 h 139039"/>
              <a:gd name="connsiteX11" fmla="*/ 69520 w 139039"/>
              <a:gd name="connsiteY11" fmla="*/ 139039 h 139039"/>
              <a:gd name="connsiteX12" fmla="*/ 78957 w 139039"/>
              <a:gd name="connsiteY12" fmla="*/ 129602 h 139039"/>
              <a:gd name="connsiteX13" fmla="*/ 78957 w 139039"/>
              <a:gd name="connsiteY13" fmla="*/ 78957 h 139039"/>
              <a:gd name="connsiteX14" fmla="*/ 129602 w 139039"/>
              <a:gd name="connsiteY14" fmla="*/ 78957 h 139039"/>
              <a:gd name="connsiteX15" fmla="*/ 139039 w 139039"/>
              <a:gd name="connsiteY15" fmla="*/ 69520 h 139039"/>
              <a:gd name="connsiteX16" fmla="*/ 129602 w 139039"/>
              <a:gd name="connsiteY16" fmla="*/ 60082 h 1390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39039" h="139039">
                <a:moveTo>
                  <a:pt x="129602" y="60082"/>
                </a:moveTo>
                <a:lnTo>
                  <a:pt x="78957" y="60082"/>
                </a:lnTo>
                <a:lnTo>
                  <a:pt x="78957" y="9437"/>
                </a:lnTo>
                <a:cubicBezTo>
                  <a:pt x="78957" y="4225"/>
                  <a:pt x="74731" y="0"/>
                  <a:pt x="69520" y="0"/>
                </a:cubicBezTo>
                <a:cubicBezTo>
                  <a:pt x="64308" y="0"/>
                  <a:pt x="60082" y="4225"/>
                  <a:pt x="60082" y="9437"/>
                </a:cubicBezTo>
                <a:lnTo>
                  <a:pt x="60082" y="60082"/>
                </a:lnTo>
                <a:lnTo>
                  <a:pt x="9437" y="60082"/>
                </a:lnTo>
                <a:cubicBezTo>
                  <a:pt x="4225" y="60082"/>
                  <a:pt x="0" y="64308"/>
                  <a:pt x="0" y="69520"/>
                </a:cubicBezTo>
                <a:cubicBezTo>
                  <a:pt x="0" y="74731"/>
                  <a:pt x="4225" y="78957"/>
                  <a:pt x="9437" y="78957"/>
                </a:cubicBezTo>
                <a:lnTo>
                  <a:pt x="60082" y="78957"/>
                </a:lnTo>
                <a:lnTo>
                  <a:pt x="60082" y="129602"/>
                </a:lnTo>
                <a:cubicBezTo>
                  <a:pt x="60082" y="134814"/>
                  <a:pt x="64308" y="139039"/>
                  <a:pt x="69520" y="139039"/>
                </a:cubicBezTo>
                <a:cubicBezTo>
                  <a:pt x="74731" y="139039"/>
                  <a:pt x="78957" y="134814"/>
                  <a:pt x="78957" y="129602"/>
                </a:cubicBezTo>
                <a:lnTo>
                  <a:pt x="78957" y="78957"/>
                </a:lnTo>
                <a:lnTo>
                  <a:pt x="129602" y="78957"/>
                </a:lnTo>
                <a:cubicBezTo>
                  <a:pt x="134814" y="78957"/>
                  <a:pt x="139039" y="74731"/>
                  <a:pt x="139039" y="69520"/>
                </a:cubicBezTo>
                <a:cubicBezTo>
                  <a:pt x="139039" y="64308"/>
                  <a:pt x="134814" y="60082"/>
                  <a:pt x="129602" y="60082"/>
                </a:cubicBezTo>
                <a:close/>
              </a:path>
            </a:pathLst>
          </a:custGeom>
          <a:solidFill>
            <a:schemeClr val="accent1"/>
          </a:solidFill>
          <a:ln w="603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6862" y="2189928"/>
            <a:ext cx="91138" cy="91138"/>
          </a:xfrm>
          <a:custGeom>
            <a:avLst/>
            <a:gdLst>
              <a:gd name="connsiteX0" fmla="*/ 91138 w 91138"/>
              <a:gd name="connsiteY0" fmla="*/ 45569 h 91138"/>
              <a:gd name="connsiteX1" fmla="*/ 45569 w 91138"/>
              <a:gd name="connsiteY1" fmla="*/ 91138 h 91138"/>
              <a:gd name="connsiteX2" fmla="*/ 0 w 91138"/>
              <a:gd name="connsiteY2" fmla="*/ 45569 h 91138"/>
              <a:gd name="connsiteX3" fmla="*/ 45569 w 91138"/>
              <a:gd name="connsiteY3" fmla="*/ 0 h 91138"/>
              <a:gd name="connsiteX4" fmla="*/ 91138 w 91138"/>
              <a:gd name="connsiteY4" fmla="*/ 45569 h 91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38" h="91138">
                <a:moveTo>
                  <a:pt x="91138" y="45569"/>
                </a:moveTo>
                <a:cubicBezTo>
                  <a:pt x="91138" y="70736"/>
                  <a:pt x="70736" y="91138"/>
                  <a:pt x="45569" y="91138"/>
                </a:cubicBezTo>
                <a:cubicBezTo>
                  <a:pt x="20402" y="91138"/>
                  <a:pt x="0" y="70736"/>
                  <a:pt x="0" y="45569"/>
                </a:cubicBezTo>
                <a:cubicBezTo>
                  <a:pt x="0" y="20402"/>
                  <a:pt x="20402" y="0"/>
                  <a:pt x="45569" y="0"/>
                </a:cubicBezTo>
                <a:cubicBezTo>
                  <a:pt x="70736" y="0"/>
                  <a:pt x="91138" y="20402"/>
                  <a:pt x="91138" y="45569"/>
                </a:cubicBezTo>
                <a:close/>
              </a:path>
            </a:pathLst>
          </a:custGeom>
          <a:solidFill>
            <a:schemeClr val="accent1"/>
          </a:solidFill>
          <a:ln w="422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28750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8" name="Rectangle 9">
            <a:extLst>
              <a:ext uri="{FF2B5EF4-FFF2-40B4-BE49-F238E27FC236}">
                <a16:creationId xmlns:a16="http://schemas.microsoft.com/office/drawing/2014/main" id="{1BB867FF-FC45-48F7-8104-F89BE54909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8BB56887-D0D5-4F0C-9E19-7247EB83C8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208695" y="1"/>
            <a:ext cx="1135066" cy="477997"/>
          </a:xfrm>
          <a:custGeom>
            <a:avLst/>
            <a:gdLst>
              <a:gd name="connsiteX0" fmla="*/ 0 w 1135066"/>
              <a:gd name="connsiteY0" fmla="*/ 0 h 477997"/>
              <a:gd name="connsiteX1" fmla="*/ 1135066 w 1135066"/>
              <a:gd name="connsiteY1" fmla="*/ 0 h 477997"/>
              <a:gd name="connsiteX2" fmla="*/ 1133370 w 1135066"/>
              <a:gd name="connsiteY2" fmla="*/ 16827 h 477997"/>
              <a:gd name="connsiteX3" fmla="*/ 567533 w 1135066"/>
              <a:gd name="connsiteY3" fmla="*/ 477997 h 477997"/>
              <a:gd name="connsiteX4" fmla="*/ 1696 w 1135066"/>
              <a:gd name="connsiteY4" fmla="*/ 16827 h 4779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35066" h="477997">
                <a:moveTo>
                  <a:pt x="0" y="0"/>
                </a:moveTo>
                <a:lnTo>
                  <a:pt x="1135066" y="0"/>
                </a:lnTo>
                <a:lnTo>
                  <a:pt x="1133370" y="16827"/>
                </a:lnTo>
                <a:cubicBezTo>
                  <a:pt x="1079514" y="280016"/>
                  <a:pt x="846644" y="477997"/>
                  <a:pt x="567533" y="477997"/>
                </a:cubicBezTo>
                <a:cubicBezTo>
                  <a:pt x="288422" y="477997"/>
                  <a:pt x="55552" y="280016"/>
                  <a:pt x="1696" y="16827"/>
                </a:cubicBez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9" name="Arc 13">
            <a:extLst>
              <a:ext uri="{FF2B5EF4-FFF2-40B4-BE49-F238E27FC236}">
                <a16:creationId xmlns:a16="http://schemas.microsoft.com/office/drawing/2014/main" id="{081E4A58-353D-44AE-B2FC-2A74E2E400F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V="1">
            <a:off x="555710" y="2183223"/>
            <a:ext cx="4083433" cy="4083433"/>
          </a:xfrm>
          <a:prstGeom prst="arc">
            <a:avLst/>
          </a:prstGeom>
          <a:ln w="127000" cap="rnd">
            <a:solidFill>
              <a:schemeClr val="accent4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83136C-2DFC-4717-BAB0-2B1E23AC52A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591344"/>
            <a:ext cx="10515600" cy="4527411"/>
          </a:xfrm>
        </p:spPr>
        <p:txBody>
          <a:bodyPr>
            <a:normAutofit fontScale="92500"/>
          </a:bodyPr>
          <a:lstStyle/>
          <a:p>
            <a:r>
              <a:rPr lang="en-GB" dirty="0"/>
              <a:t>We noticed that the college made a new version of the E-com that made positive changes like fixing some features that weren’t working properly and improving the general look a bit but still some issues exists.</a:t>
            </a:r>
          </a:p>
          <a:p>
            <a:endParaRPr lang="en-GB" dirty="0"/>
          </a:p>
          <a:p>
            <a:r>
              <a:rPr lang="en-GB" dirty="0"/>
              <a:t>You still need to use other websites like Acadox or Blackboard for features like making and delivering assignments.</a:t>
            </a:r>
          </a:p>
          <a:p>
            <a:endParaRPr lang="en-GB" dirty="0"/>
          </a:p>
          <a:p>
            <a:r>
              <a:rPr lang="en-GB" dirty="0"/>
              <a:t>Some helpful features still doesn’t exist in it.</a:t>
            </a:r>
          </a:p>
          <a:p>
            <a:endParaRPr lang="en-GB" dirty="0"/>
          </a:p>
          <a:p>
            <a:r>
              <a:rPr lang="en-GB" dirty="0"/>
              <a:t>The general look (design) still need more improvements.</a:t>
            </a:r>
          </a:p>
        </p:txBody>
      </p:sp>
    </p:spTree>
    <p:extLst>
      <p:ext uri="{BB962C8B-B14F-4D97-AF65-F5344CB8AC3E}">
        <p14:creationId xmlns:p14="http://schemas.microsoft.com/office/powerpoint/2010/main" val="160136759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09588DA8-065E-4F6F-8EFD-43104AB2E0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C4285719-470E-454C-AF62-8323075F1F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1">
            <a:extLst>
              <a:ext uri="{FF2B5EF4-FFF2-40B4-BE49-F238E27FC236}">
                <a16:creationId xmlns:a16="http://schemas.microsoft.com/office/drawing/2014/main" id="{CD9FE4EF-C4D8-49A0-B2FF-81D8DB7D8A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4" y="1410082"/>
            <a:ext cx="6858000" cy="4037836"/>
          </a:xfrm>
          <a:prstGeom prst="rect">
            <a:avLst/>
          </a:prstGeom>
          <a:gradFill>
            <a:gsLst>
              <a:gs pos="800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3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3">
            <a:extLst>
              <a:ext uri="{FF2B5EF4-FFF2-40B4-BE49-F238E27FC236}">
                <a16:creationId xmlns:a16="http://schemas.microsoft.com/office/drawing/2014/main" id="{4300840D-0A0B-4512-BACA-B439D5B9C5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5" y="1420219"/>
            <a:ext cx="6857999" cy="4037839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alpha val="46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2B78728-A580-49A7-84F9-6EF6F583AD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767923" y="3588085"/>
            <a:ext cx="2501979" cy="4037841"/>
          </a:xfrm>
          <a:prstGeom prst="rect">
            <a:avLst/>
          </a:prstGeom>
          <a:gradFill>
            <a:gsLst>
              <a:gs pos="2000">
                <a:schemeClr val="accent1">
                  <a:alpha val="29000"/>
                </a:schemeClr>
              </a:gs>
              <a:gs pos="100000">
                <a:srgbClr val="000000">
                  <a:alpha val="30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8FAA1A1-D861-433F-88FA-1E9D6FD31D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0635413">
            <a:off x="-501737" y="969718"/>
            <a:ext cx="3900357" cy="4178958"/>
          </a:xfrm>
          <a:custGeom>
            <a:avLst/>
            <a:gdLst>
              <a:gd name="connsiteX0" fmla="*/ 2432225 w 3900357"/>
              <a:gd name="connsiteY0" fmla="*/ 93939 h 4178958"/>
              <a:gd name="connsiteX1" fmla="*/ 3900357 w 3900357"/>
              <a:gd name="connsiteY1" fmla="*/ 2089479 h 4178958"/>
              <a:gd name="connsiteX2" fmla="*/ 1810878 w 3900357"/>
              <a:gd name="connsiteY2" fmla="*/ 4178958 h 4178958"/>
              <a:gd name="connsiteX3" fmla="*/ 78249 w 3900357"/>
              <a:gd name="connsiteY3" fmla="*/ 3257727 h 4178958"/>
              <a:gd name="connsiteX4" fmla="*/ 0 w 3900357"/>
              <a:gd name="connsiteY4" fmla="*/ 3128923 h 4178958"/>
              <a:gd name="connsiteX5" fmla="*/ 831324 w 3900357"/>
              <a:gd name="connsiteY5" fmla="*/ 244281 h 4178958"/>
              <a:gd name="connsiteX6" fmla="*/ 997559 w 3900357"/>
              <a:gd name="connsiteY6" fmla="*/ 164202 h 4178958"/>
              <a:gd name="connsiteX7" fmla="*/ 1810878 w 3900357"/>
              <a:gd name="connsiteY7" fmla="*/ 0 h 4178958"/>
              <a:gd name="connsiteX8" fmla="*/ 2432225 w 3900357"/>
              <a:gd name="connsiteY8" fmla="*/ 93939 h 41789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00357" h="4178958">
                <a:moveTo>
                  <a:pt x="2432225" y="93939"/>
                </a:moveTo>
                <a:cubicBezTo>
                  <a:pt x="3282786" y="358491"/>
                  <a:pt x="3900357" y="1151865"/>
                  <a:pt x="3900357" y="2089479"/>
                </a:cubicBezTo>
                <a:cubicBezTo>
                  <a:pt x="3900357" y="3243466"/>
                  <a:pt x="2964865" y="4178958"/>
                  <a:pt x="1810878" y="4178958"/>
                </a:cubicBezTo>
                <a:cubicBezTo>
                  <a:pt x="1089636" y="4178958"/>
                  <a:pt x="453744" y="3813531"/>
                  <a:pt x="78249" y="3257727"/>
                </a:cubicBezTo>
                <a:lnTo>
                  <a:pt x="0" y="3128923"/>
                </a:lnTo>
                <a:lnTo>
                  <a:pt x="831324" y="244281"/>
                </a:lnTo>
                <a:lnTo>
                  <a:pt x="997559" y="164202"/>
                </a:lnTo>
                <a:cubicBezTo>
                  <a:pt x="1247540" y="58468"/>
                  <a:pt x="1522381" y="0"/>
                  <a:pt x="1810878" y="0"/>
                </a:cubicBezTo>
                <a:cubicBezTo>
                  <a:pt x="2027251" y="0"/>
                  <a:pt x="2235942" y="32888"/>
                  <a:pt x="2432225" y="93939"/>
                </a:cubicBezTo>
                <a:close/>
              </a:path>
            </a:pathLst>
          </a:custGeom>
          <a:gradFill>
            <a:gsLst>
              <a:gs pos="29000">
                <a:srgbClr val="000000">
                  <a:alpha val="0"/>
                </a:srgbClr>
              </a:gs>
              <a:gs pos="100000">
                <a:schemeClr val="accent1">
                  <a:alpha val="43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D71EDA1-87BF-4D5D-AB79-F346FD1927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93" y="1399943"/>
            <a:ext cx="6858003" cy="4037835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lumMod val="60000"/>
                  <a:lumOff val="40000"/>
                  <a:alpha val="11000"/>
                </a:schemeClr>
              </a:gs>
            </a:gsLst>
            <a:lin ang="7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7781240-8FCC-4480-A740-E29C1572FC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6722" y="586855"/>
            <a:ext cx="3201366" cy="3387497"/>
          </a:xfrm>
        </p:spPr>
        <p:txBody>
          <a:bodyPr anchor="b">
            <a:normAutofit/>
          </a:bodyPr>
          <a:lstStyle/>
          <a:p>
            <a:pPr algn="r"/>
            <a:r>
              <a:rPr lang="en-GB" sz="4000">
                <a:solidFill>
                  <a:srgbClr val="FFFFFF"/>
                </a:solidFill>
              </a:rPr>
              <a:t>Referen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31D5B3-1E45-4E69-AAAE-94D70AEDE4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10259" y="649480"/>
            <a:ext cx="6555347" cy="5546047"/>
          </a:xfrm>
        </p:spPr>
        <p:txBody>
          <a:bodyPr anchor="ctr">
            <a:normAutofit/>
          </a:bodyPr>
          <a:lstStyle/>
          <a:p>
            <a:pPr marL="0" lvl="0" indent="0" rtl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Old E-com</a:t>
            </a:r>
          </a:p>
          <a:p>
            <a:pPr marL="0" lvl="0" indent="0" rtl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2"/>
              </a:rPr>
              <a:t>http://ecom.fci-cu.edu.eg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 rtl="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New E-com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3"/>
              </a:rPr>
              <a:t>http://newecom.fci.cu.edu.eg/#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Acadox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4"/>
              </a:rPr>
              <a:t>https://www.acadox.com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Google Classroom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5"/>
              </a:rPr>
              <a:t>https://classroom.google.com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Blackboard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6"/>
              </a:rPr>
              <a:t>https://cu.blackboard.com/</a:t>
            </a: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endParaRPr lang="en-GB" sz="1900"/>
          </a:p>
        </p:txBody>
      </p:sp>
    </p:spTree>
    <p:extLst>
      <p:ext uri="{BB962C8B-B14F-4D97-AF65-F5344CB8AC3E}">
        <p14:creationId xmlns:p14="http://schemas.microsoft.com/office/powerpoint/2010/main" val="117204538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09588DA8-065E-4F6F-8EFD-43104AB2E0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C4285719-470E-454C-AF62-8323075F1F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D9FE4EF-C4D8-49A0-B2FF-81D8DB7D8A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4" y="1410082"/>
            <a:ext cx="6858000" cy="4037836"/>
          </a:xfrm>
          <a:prstGeom prst="rect">
            <a:avLst/>
          </a:prstGeom>
          <a:gradFill>
            <a:gsLst>
              <a:gs pos="800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3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4300840D-0A0B-4512-BACA-B439D5B9C5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5" y="1420219"/>
            <a:ext cx="6857999" cy="4037839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alpha val="46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2B78728-A580-49A7-84F9-6EF6F583AD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767923" y="3588085"/>
            <a:ext cx="2501979" cy="4037841"/>
          </a:xfrm>
          <a:prstGeom prst="rect">
            <a:avLst/>
          </a:prstGeom>
          <a:gradFill>
            <a:gsLst>
              <a:gs pos="2000">
                <a:schemeClr val="accent1">
                  <a:alpha val="29000"/>
                </a:schemeClr>
              </a:gs>
              <a:gs pos="100000">
                <a:srgbClr val="000000">
                  <a:alpha val="30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8FAA1A1-D861-433F-88FA-1E9D6FD31D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0635413">
            <a:off x="-501737" y="969718"/>
            <a:ext cx="3900357" cy="4178958"/>
          </a:xfrm>
          <a:custGeom>
            <a:avLst/>
            <a:gdLst>
              <a:gd name="connsiteX0" fmla="*/ 2432225 w 3900357"/>
              <a:gd name="connsiteY0" fmla="*/ 93939 h 4178958"/>
              <a:gd name="connsiteX1" fmla="*/ 3900357 w 3900357"/>
              <a:gd name="connsiteY1" fmla="*/ 2089479 h 4178958"/>
              <a:gd name="connsiteX2" fmla="*/ 1810878 w 3900357"/>
              <a:gd name="connsiteY2" fmla="*/ 4178958 h 4178958"/>
              <a:gd name="connsiteX3" fmla="*/ 78249 w 3900357"/>
              <a:gd name="connsiteY3" fmla="*/ 3257727 h 4178958"/>
              <a:gd name="connsiteX4" fmla="*/ 0 w 3900357"/>
              <a:gd name="connsiteY4" fmla="*/ 3128923 h 4178958"/>
              <a:gd name="connsiteX5" fmla="*/ 831324 w 3900357"/>
              <a:gd name="connsiteY5" fmla="*/ 244281 h 4178958"/>
              <a:gd name="connsiteX6" fmla="*/ 997559 w 3900357"/>
              <a:gd name="connsiteY6" fmla="*/ 164202 h 4178958"/>
              <a:gd name="connsiteX7" fmla="*/ 1810878 w 3900357"/>
              <a:gd name="connsiteY7" fmla="*/ 0 h 4178958"/>
              <a:gd name="connsiteX8" fmla="*/ 2432225 w 3900357"/>
              <a:gd name="connsiteY8" fmla="*/ 93939 h 41789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00357" h="4178958">
                <a:moveTo>
                  <a:pt x="2432225" y="93939"/>
                </a:moveTo>
                <a:cubicBezTo>
                  <a:pt x="3282786" y="358491"/>
                  <a:pt x="3900357" y="1151865"/>
                  <a:pt x="3900357" y="2089479"/>
                </a:cubicBezTo>
                <a:cubicBezTo>
                  <a:pt x="3900357" y="3243466"/>
                  <a:pt x="2964865" y="4178958"/>
                  <a:pt x="1810878" y="4178958"/>
                </a:cubicBezTo>
                <a:cubicBezTo>
                  <a:pt x="1089636" y="4178958"/>
                  <a:pt x="453744" y="3813531"/>
                  <a:pt x="78249" y="3257727"/>
                </a:cubicBezTo>
                <a:lnTo>
                  <a:pt x="0" y="3128923"/>
                </a:lnTo>
                <a:lnTo>
                  <a:pt x="831324" y="244281"/>
                </a:lnTo>
                <a:lnTo>
                  <a:pt x="997559" y="164202"/>
                </a:lnTo>
                <a:cubicBezTo>
                  <a:pt x="1247540" y="58468"/>
                  <a:pt x="1522381" y="0"/>
                  <a:pt x="1810878" y="0"/>
                </a:cubicBezTo>
                <a:cubicBezTo>
                  <a:pt x="2027251" y="0"/>
                  <a:pt x="2235942" y="32888"/>
                  <a:pt x="2432225" y="93939"/>
                </a:cubicBezTo>
                <a:close/>
              </a:path>
            </a:pathLst>
          </a:custGeom>
          <a:gradFill>
            <a:gsLst>
              <a:gs pos="29000">
                <a:srgbClr val="000000">
                  <a:alpha val="0"/>
                </a:srgbClr>
              </a:gs>
              <a:gs pos="100000">
                <a:schemeClr val="accent1">
                  <a:alpha val="43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D71EDA1-87BF-4D5D-AB79-F346FD1927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93" y="1399943"/>
            <a:ext cx="6858003" cy="4037835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lumMod val="60000"/>
                  <a:lumOff val="40000"/>
                  <a:alpha val="11000"/>
                </a:schemeClr>
              </a:gs>
            </a:gsLst>
            <a:lin ang="7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F57F53-D361-4BE8-9D67-EF3A2DF01A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6722" y="586855"/>
            <a:ext cx="3201366" cy="3387497"/>
          </a:xfrm>
        </p:spPr>
        <p:txBody>
          <a:bodyPr anchor="b">
            <a:normAutofit/>
          </a:bodyPr>
          <a:lstStyle/>
          <a:p>
            <a:pPr algn="r"/>
            <a:r>
              <a:rPr lang="en-GB" sz="4000">
                <a:solidFill>
                  <a:srgbClr val="FFFFFF"/>
                </a:solidFill>
              </a:rPr>
              <a:t>Project Id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B3EF18-F996-4729-AEC7-87E21C01C2E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10259" y="649480"/>
            <a:ext cx="6555347" cy="5546047"/>
          </a:xfrm>
        </p:spPr>
        <p:txBody>
          <a:bodyPr anchor="ctr">
            <a:normAutofit/>
          </a:bodyPr>
          <a:lstStyle/>
          <a:p>
            <a:r>
              <a:rPr lang="en-GB" sz="2600" dirty="0"/>
              <a:t>Our project idea is to develop an E-com system that combines the features of E-com and </a:t>
            </a:r>
            <a:r>
              <a:rPr lang="en-GB" sz="2600"/>
              <a:t>E-learning websites (</a:t>
            </a:r>
            <a:r>
              <a:rPr lang="en-GB" sz="2600" dirty="0"/>
              <a:t>e.g. Blackboard,  Acadox) together, has a good look and has new helpful features.</a:t>
            </a:r>
          </a:p>
        </p:txBody>
      </p:sp>
    </p:spTree>
    <p:extLst>
      <p:ext uri="{BB962C8B-B14F-4D97-AF65-F5344CB8AC3E}">
        <p14:creationId xmlns:p14="http://schemas.microsoft.com/office/powerpoint/2010/main" val="30490599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99528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F14B96D-F22A-4972-B486-A7EABBE62E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5072" y="1289765"/>
            <a:ext cx="3651101" cy="4270963"/>
          </a:xfrm>
        </p:spPr>
        <p:txBody>
          <a:bodyPr anchor="ctr">
            <a:normAutofit/>
          </a:bodyPr>
          <a:lstStyle/>
          <a:p>
            <a:pPr algn="ctr"/>
            <a:r>
              <a:rPr lang="en-GB" sz="5600">
                <a:solidFill>
                  <a:srgbClr val="FFFFFF"/>
                </a:solidFill>
              </a:rPr>
              <a:t>Related Work</a:t>
            </a:r>
          </a:p>
        </p:txBody>
      </p:sp>
      <p:sp>
        <p:nvSpPr>
          <p:cNvPr id="12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493" y="374394"/>
            <a:ext cx="171515" cy="171515"/>
          </a:xfrm>
          <a:custGeom>
            <a:avLst/>
            <a:gdLst>
              <a:gd name="connsiteX0" fmla="*/ 159874 w 171515"/>
              <a:gd name="connsiteY0" fmla="*/ 74116 h 171515"/>
              <a:gd name="connsiteX1" fmla="*/ 97399 w 171515"/>
              <a:gd name="connsiteY1" fmla="*/ 74116 h 171515"/>
              <a:gd name="connsiteX2" fmla="*/ 97399 w 171515"/>
              <a:gd name="connsiteY2" fmla="*/ 11641 h 171515"/>
              <a:gd name="connsiteX3" fmla="*/ 85758 w 171515"/>
              <a:gd name="connsiteY3" fmla="*/ 0 h 171515"/>
              <a:gd name="connsiteX4" fmla="*/ 74116 w 171515"/>
              <a:gd name="connsiteY4" fmla="*/ 11641 h 171515"/>
              <a:gd name="connsiteX5" fmla="*/ 74116 w 171515"/>
              <a:gd name="connsiteY5" fmla="*/ 74116 h 171515"/>
              <a:gd name="connsiteX6" fmla="*/ 11641 w 171515"/>
              <a:gd name="connsiteY6" fmla="*/ 74116 h 171515"/>
              <a:gd name="connsiteX7" fmla="*/ 0 w 171515"/>
              <a:gd name="connsiteY7" fmla="*/ 85758 h 171515"/>
              <a:gd name="connsiteX8" fmla="*/ 11641 w 171515"/>
              <a:gd name="connsiteY8" fmla="*/ 97399 h 171515"/>
              <a:gd name="connsiteX9" fmla="*/ 74116 w 171515"/>
              <a:gd name="connsiteY9" fmla="*/ 97399 h 171515"/>
              <a:gd name="connsiteX10" fmla="*/ 74116 w 171515"/>
              <a:gd name="connsiteY10" fmla="*/ 159874 h 171515"/>
              <a:gd name="connsiteX11" fmla="*/ 85758 w 171515"/>
              <a:gd name="connsiteY11" fmla="*/ 171515 h 171515"/>
              <a:gd name="connsiteX12" fmla="*/ 97399 w 171515"/>
              <a:gd name="connsiteY12" fmla="*/ 159874 h 171515"/>
              <a:gd name="connsiteX13" fmla="*/ 97399 w 171515"/>
              <a:gd name="connsiteY13" fmla="*/ 97399 h 171515"/>
              <a:gd name="connsiteX14" fmla="*/ 159874 w 171515"/>
              <a:gd name="connsiteY14" fmla="*/ 97399 h 171515"/>
              <a:gd name="connsiteX15" fmla="*/ 171515 w 171515"/>
              <a:gd name="connsiteY15" fmla="*/ 85758 h 171515"/>
              <a:gd name="connsiteX16" fmla="*/ 159874 w 171515"/>
              <a:gd name="connsiteY16" fmla="*/ 74116 h 1715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71515" h="171515">
                <a:moveTo>
                  <a:pt x="159874" y="74116"/>
                </a:moveTo>
                <a:lnTo>
                  <a:pt x="97399" y="74116"/>
                </a:lnTo>
                <a:lnTo>
                  <a:pt x="97399" y="11641"/>
                </a:lnTo>
                <a:cubicBezTo>
                  <a:pt x="97399" y="5212"/>
                  <a:pt x="92187" y="0"/>
                  <a:pt x="85758" y="0"/>
                </a:cubicBezTo>
                <a:cubicBezTo>
                  <a:pt x="79328" y="0"/>
                  <a:pt x="74116" y="5212"/>
                  <a:pt x="74116" y="11641"/>
                </a:cubicBezTo>
                <a:lnTo>
                  <a:pt x="74116" y="74116"/>
                </a:lnTo>
                <a:lnTo>
                  <a:pt x="11641" y="74116"/>
                </a:lnTo>
                <a:cubicBezTo>
                  <a:pt x="5212" y="74116"/>
                  <a:pt x="0" y="79328"/>
                  <a:pt x="0" y="85758"/>
                </a:cubicBezTo>
                <a:cubicBezTo>
                  <a:pt x="0" y="92187"/>
                  <a:pt x="5212" y="97399"/>
                  <a:pt x="11641" y="97399"/>
                </a:cubicBezTo>
                <a:lnTo>
                  <a:pt x="74116" y="97399"/>
                </a:lnTo>
                <a:lnTo>
                  <a:pt x="74116" y="159874"/>
                </a:lnTo>
                <a:cubicBezTo>
                  <a:pt x="74116" y="166303"/>
                  <a:pt x="79328" y="171515"/>
                  <a:pt x="85758" y="171515"/>
                </a:cubicBezTo>
                <a:cubicBezTo>
                  <a:pt x="92187" y="171515"/>
                  <a:pt x="97399" y="166303"/>
                  <a:pt x="97399" y="159874"/>
                </a:cubicBezTo>
                <a:lnTo>
                  <a:pt x="97399" y="97399"/>
                </a:lnTo>
                <a:lnTo>
                  <a:pt x="159874" y="97399"/>
                </a:lnTo>
                <a:cubicBezTo>
                  <a:pt x="166303" y="97399"/>
                  <a:pt x="171515" y="92187"/>
                  <a:pt x="171515" y="85758"/>
                </a:cubicBezTo>
                <a:cubicBezTo>
                  <a:pt x="171515" y="79328"/>
                  <a:pt x="166303" y="74116"/>
                  <a:pt x="159874" y="74116"/>
                </a:cubicBezTo>
                <a:close/>
              </a:path>
            </a:pathLst>
          </a:custGeom>
          <a:solidFill>
            <a:schemeClr val="accent2"/>
          </a:solidFill>
          <a:ln w="77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14" name="Graphic 12">
            <a:extLst>
              <a:ext uri="{FF2B5EF4-FFF2-40B4-BE49-F238E27FC236}">
                <a16:creationId xmlns:a16="http://schemas.microsoft.com/office/drawing/2014/main" id="{1453BF6C-B012-48B7-B4E8-6D7AC7C27D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50109" y="1084507"/>
            <a:ext cx="157545" cy="157545"/>
          </a:xfrm>
          <a:custGeom>
            <a:avLst/>
            <a:gdLst>
              <a:gd name="connsiteX0" fmla="*/ 78773 w 157545"/>
              <a:gd name="connsiteY0" fmla="*/ 23283 h 157545"/>
              <a:gd name="connsiteX1" fmla="*/ 134262 w 157545"/>
              <a:gd name="connsiteY1" fmla="*/ 78773 h 157545"/>
              <a:gd name="connsiteX2" fmla="*/ 78773 w 157545"/>
              <a:gd name="connsiteY2" fmla="*/ 134262 h 157545"/>
              <a:gd name="connsiteX3" fmla="*/ 23283 w 157545"/>
              <a:gd name="connsiteY3" fmla="*/ 78773 h 157545"/>
              <a:gd name="connsiteX4" fmla="*/ 78773 w 157545"/>
              <a:gd name="connsiteY4" fmla="*/ 23283 h 157545"/>
              <a:gd name="connsiteX5" fmla="*/ 78773 w 157545"/>
              <a:gd name="connsiteY5" fmla="*/ 0 h 157545"/>
              <a:gd name="connsiteX6" fmla="*/ 0 w 157545"/>
              <a:gd name="connsiteY6" fmla="*/ 78773 h 157545"/>
              <a:gd name="connsiteX7" fmla="*/ 78773 w 157545"/>
              <a:gd name="connsiteY7" fmla="*/ 157545 h 157545"/>
              <a:gd name="connsiteX8" fmla="*/ 157545 w 157545"/>
              <a:gd name="connsiteY8" fmla="*/ 78773 h 157545"/>
              <a:gd name="connsiteX9" fmla="*/ 78773 w 157545"/>
              <a:gd name="connsiteY9" fmla="*/ 0 h 1575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57545" h="157545">
                <a:moveTo>
                  <a:pt x="78773" y="23283"/>
                </a:moveTo>
                <a:cubicBezTo>
                  <a:pt x="109419" y="23283"/>
                  <a:pt x="134262" y="48126"/>
                  <a:pt x="134262" y="78773"/>
                </a:cubicBezTo>
                <a:cubicBezTo>
                  <a:pt x="134262" y="109419"/>
                  <a:pt x="109419" y="134262"/>
                  <a:pt x="78773" y="134262"/>
                </a:cubicBezTo>
                <a:cubicBezTo>
                  <a:pt x="48126" y="134262"/>
                  <a:pt x="23283" y="109419"/>
                  <a:pt x="23283" y="78773"/>
                </a:cubicBezTo>
                <a:cubicBezTo>
                  <a:pt x="23312" y="48139"/>
                  <a:pt x="48139" y="23312"/>
                  <a:pt x="78773" y="23283"/>
                </a:cubicBezTo>
                <a:moveTo>
                  <a:pt x="78773" y="0"/>
                </a:moveTo>
                <a:cubicBezTo>
                  <a:pt x="35268" y="0"/>
                  <a:pt x="0" y="35268"/>
                  <a:pt x="0" y="78773"/>
                </a:cubicBezTo>
                <a:cubicBezTo>
                  <a:pt x="0" y="122277"/>
                  <a:pt x="35268" y="157545"/>
                  <a:pt x="78773" y="157545"/>
                </a:cubicBezTo>
                <a:cubicBezTo>
                  <a:pt x="122277" y="157545"/>
                  <a:pt x="157545" y="122277"/>
                  <a:pt x="157545" y="78773"/>
                </a:cubicBezTo>
                <a:cubicBezTo>
                  <a:pt x="157545" y="35268"/>
                  <a:pt x="122277" y="0"/>
                  <a:pt x="78773" y="0"/>
                </a:cubicBezTo>
                <a:close/>
              </a:path>
            </a:pathLst>
          </a:custGeom>
          <a:solidFill>
            <a:schemeClr val="accent2"/>
          </a:solidFill>
          <a:ln w="751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DDA798-B129-45E3-B3DC-FDEF4FCAB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7233" y="518400"/>
            <a:ext cx="4771607" cy="5837949"/>
          </a:xfrm>
        </p:spPr>
        <p:txBody>
          <a:bodyPr anchor="ctr">
            <a:normAutofit/>
          </a:bodyPr>
          <a:lstStyle/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There exist some system that tried to combine the e-com and the e-learning together, examples.</a:t>
            </a:r>
          </a:p>
          <a:p>
            <a:endParaRPr lang="en-GB" sz="20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Old E-c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New E-c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Acadox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Google Classro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Blackboard.</a:t>
            </a:r>
          </a:p>
          <a:p>
            <a:endParaRPr lang="en-GB" sz="2000" dirty="0">
              <a:solidFill>
                <a:schemeClr val="tx1">
                  <a:alpha val="80000"/>
                </a:schemeClr>
              </a:solidFill>
            </a:endParaRPr>
          </a:p>
        </p:txBody>
      </p:sp>
      <p:sp>
        <p:nvSpPr>
          <p:cNvPr id="1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36547" y="5751820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2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54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590722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7">
            <a:extLst>
              <a:ext uri="{FF2B5EF4-FFF2-40B4-BE49-F238E27FC236}">
                <a16:creationId xmlns:a16="http://schemas.microsoft.com/office/drawing/2014/main" id="{488333BA-AE6E-427A-9B16-A39C8073F4E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9">
            <a:extLst>
              <a:ext uri="{FF2B5EF4-FFF2-40B4-BE49-F238E27FC236}">
                <a16:creationId xmlns:a16="http://schemas.microsoft.com/office/drawing/2014/main" id="{F98ED85F-DCEE-4B50-802E-71A6E3E12B0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21564" y="320040"/>
            <a:ext cx="11548872" cy="6217920"/>
          </a:xfrm>
          <a:prstGeom prst="rect">
            <a:avLst/>
          </a:prstGeom>
          <a:solidFill>
            <a:schemeClr val="bg1"/>
          </a:solidFill>
          <a:ln w="127000" cap="sq" cmpd="thinThick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ECC6D70-6143-4E56-8061-B04AD664E8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2057400"/>
            <a:ext cx="10515600" cy="3871762"/>
          </a:xfrm>
        </p:spPr>
        <p:txBody>
          <a:bodyPr>
            <a:normAutofit/>
          </a:bodyPr>
          <a:lstStyle/>
          <a:p>
            <a:r>
              <a:rPr lang="en-GB" sz="2400"/>
              <a:t>Some of these solutions focused on the e-com part like the Old E-com and the New E-com, which lead them to fall on the e-learning.</a:t>
            </a:r>
          </a:p>
          <a:p>
            <a:pPr marL="0" indent="0">
              <a:buNone/>
            </a:pPr>
            <a:endParaRPr lang="en-GB" sz="2400"/>
          </a:p>
          <a:p>
            <a:r>
              <a:rPr lang="en-GB" sz="2400"/>
              <a:t>Others focused on the e-learning like Acadox, Google Classroom, and blackboard, however they did not capture the e-com part well.</a:t>
            </a:r>
          </a:p>
          <a:p>
            <a:endParaRPr lang="en-GB" sz="2400"/>
          </a:p>
          <a:p>
            <a:r>
              <a:rPr lang="en-GB" sz="2400"/>
              <a:t>Some systems like the Old E-com has many problems, for example, the Old E-com has unimplemented features like the Arabic support and uncomplete GUI, also it suffers from reliability issues and ugly look.</a:t>
            </a:r>
          </a:p>
          <a:p>
            <a:endParaRPr lang="en-GB" sz="2400"/>
          </a:p>
          <a:p>
            <a:pPr marL="0" indent="0">
              <a:buNone/>
            </a:pPr>
            <a:endParaRPr lang="en-GB" sz="2400"/>
          </a:p>
          <a:p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229161754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D2E961F1-4A28-4A5F-BBD4-6E400E5E6C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 bwMode="white">
          <a:xfrm>
            <a:off x="0" y="272357"/>
            <a:ext cx="12188824" cy="0"/>
          </a:xfrm>
          <a:prstGeom prst="line">
            <a:avLst/>
          </a:prstGeom>
          <a:ln w="508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7F57BEA8-497D-4AA8-8A18-BDCD696B25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368596"/>
            <a:ext cx="12192000" cy="1735555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D043C48-4762-444C-BD71-E60D294F73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073" y="489439"/>
            <a:ext cx="11139854" cy="930447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ctr"/>
            <a:r>
              <a:rPr lang="en-US" sz="5400" kern="1200">
                <a:solidFill>
                  <a:schemeClr val="bg1"/>
                </a:solidFill>
                <a:latin typeface="+mj-lt"/>
                <a:ea typeface="+mj-ea"/>
                <a:cs typeface="+mj-cs"/>
              </a:rPr>
              <a:t>Features Comparison</a:t>
            </a: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A82415D3-DDE5-4D63-8CB3-23A5EC581B2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724400" y="1479733"/>
            <a:ext cx="2743200" cy="0"/>
          </a:xfrm>
          <a:prstGeom prst="line">
            <a:avLst/>
          </a:prstGeom>
          <a:ln w="19050">
            <a:solidFill>
              <a:schemeClr val="bg1">
                <a:alpha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AD7193FB-6AE6-4B3B-8F89-56B55DD63B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 bwMode="white">
          <a:xfrm>
            <a:off x="0" y="2201402"/>
            <a:ext cx="12188824" cy="0"/>
          </a:xfrm>
          <a:prstGeom prst="line">
            <a:avLst/>
          </a:prstGeom>
          <a:ln w="508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DC617B0E-C76D-46D6-A96B-3786A18D44C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27873800"/>
              </p:ext>
            </p:extLst>
          </p:nvPr>
        </p:nvGraphicFramePr>
        <p:xfrm>
          <a:off x="333556" y="2427541"/>
          <a:ext cx="11469792" cy="3997648"/>
        </p:xfrm>
        <a:graphic>
          <a:graphicData uri="http://schemas.openxmlformats.org/drawingml/2006/table">
            <a:tbl>
              <a:tblPr firstRow="1" firstCol="1" bandRow="1"/>
              <a:tblGrid>
                <a:gridCol w="3046587">
                  <a:extLst>
                    <a:ext uri="{9D8B030D-6E8A-4147-A177-3AD203B41FA5}">
                      <a16:colId xmlns:a16="http://schemas.microsoft.com/office/drawing/2014/main" val="2410783960"/>
                    </a:ext>
                  </a:extLst>
                </a:gridCol>
                <a:gridCol w="1659489">
                  <a:extLst>
                    <a:ext uri="{9D8B030D-6E8A-4147-A177-3AD203B41FA5}">
                      <a16:colId xmlns:a16="http://schemas.microsoft.com/office/drawing/2014/main" val="2238246514"/>
                    </a:ext>
                  </a:extLst>
                </a:gridCol>
                <a:gridCol w="1521659">
                  <a:extLst>
                    <a:ext uri="{9D8B030D-6E8A-4147-A177-3AD203B41FA5}">
                      <a16:colId xmlns:a16="http://schemas.microsoft.com/office/drawing/2014/main" val="536398774"/>
                    </a:ext>
                  </a:extLst>
                </a:gridCol>
                <a:gridCol w="1521659">
                  <a:extLst>
                    <a:ext uri="{9D8B030D-6E8A-4147-A177-3AD203B41FA5}">
                      <a16:colId xmlns:a16="http://schemas.microsoft.com/office/drawing/2014/main" val="3037760593"/>
                    </a:ext>
                  </a:extLst>
                </a:gridCol>
                <a:gridCol w="1439546">
                  <a:extLst>
                    <a:ext uri="{9D8B030D-6E8A-4147-A177-3AD203B41FA5}">
                      <a16:colId xmlns:a16="http://schemas.microsoft.com/office/drawing/2014/main" val="86247917"/>
                    </a:ext>
                  </a:extLst>
                </a:gridCol>
                <a:gridCol w="1237201">
                  <a:extLst>
                    <a:ext uri="{9D8B030D-6E8A-4147-A177-3AD203B41FA5}">
                      <a16:colId xmlns:a16="http://schemas.microsoft.com/office/drawing/2014/main" val="3733686582"/>
                    </a:ext>
                  </a:extLst>
                </a:gridCol>
                <a:gridCol w="1043651">
                  <a:extLst>
                    <a:ext uri="{9D8B030D-6E8A-4147-A177-3AD203B41FA5}">
                      <a16:colId xmlns:a16="http://schemas.microsoft.com/office/drawing/2014/main" val="458564056"/>
                    </a:ext>
                  </a:extLst>
                </a:gridCol>
              </a:tblGrid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eatur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etter 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ld-bylaw 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ew bylaw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cadox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Google Classro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lackboard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54367009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Department Management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49546280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General Feed (posts on your homepage, limited to the staff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52762402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Feed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94897221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Attendanc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6509282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Attendance Complaint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75662757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Submit Attendance Excus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98337299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Grade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or each assignment, quiz, etc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nal and Class’s Wor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nal and Class’s Wor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ot used often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68817711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mplain About a Grade (officially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06119265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Feedback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15292288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dd or Download non-related course materials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(general materials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66382293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61966306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iles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9362810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Videos and Audio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Has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le, no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hrough google drive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Has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71528403"/>
                  </a:ext>
                </a:extLst>
              </a:tr>
              <a:tr h="34189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ternal Links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b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</a:b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o direct lin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3515552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6896090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32BC26D8-82FB-445E-AA49-62A77D7C1E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B44330D-EA18-4254-AA95-EB49948539B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A4902278-5F26-41B1-9D97-F2A9A4D3369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92292876"/>
              </p:ext>
            </p:extLst>
          </p:nvPr>
        </p:nvGraphicFramePr>
        <p:xfrm>
          <a:off x="643467" y="874117"/>
          <a:ext cx="10905069" cy="5109771"/>
        </p:xfrm>
        <a:graphic>
          <a:graphicData uri="http://schemas.openxmlformats.org/drawingml/2006/table">
            <a:tbl>
              <a:tblPr firstRow="1" firstCol="1" bandRow="1"/>
              <a:tblGrid>
                <a:gridCol w="3701271">
                  <a:extLst>
                    <a:ext uri="{9D8B030D-6E8A-4147-A177-3AD203B41FA5}">
                      <a16:colId xmlns:a16="http://schemas.microsoft.com/office/drawing/2014/main" val="1114164731"/>
                    </a:ext>
                  </a:extLst>
                </a:gridCol>
                <a:gridCol w="1475189">
                  <a:extLst>
                    <a:ext uri="{9D8B030D-6E8A-4147-A177-3AD203B41FA5}">
                      <a16:colId xmlns:a16="http://schemas.microsoft.com/office/drawing/2014/main" val="3184896529"/>
                    </a:ext>
                  </a:extLst>
                </a:gridCol>
                <a:gridCol w="1780251">
                  <a:extLst>
                    <a:ext uri="{9D8B030D-6E8A-4147-A177-3AD203B41FA5}">
                      <a16:colId xmlns:a16="http://schemas.microsoft.com/office/drawing/2014/main" val="1095282853"/>
                    </a:ext>
                  </a:extLst>
                </a:gridCol>
                <a:gridCol w="1780251">
                  <a:extLst>
                    <a:ext uri="{9D8B030D-6E8A-4147-A177-3AD203B41FA5}">
                      <a16:colId xmlns:a16="http://schemas.microsoft.com/office/drawing/2014/main" val="390240433"/>
                    </a:ext>
                  </a:extLst>
                </a:gridCol>
                <a:gridCol w="291548">
                  <a:extLst>
                    <a:ext uri="{9D8B030D-6E8A-4147-A177-3AD203B41FA5}">
                      <a16:colId xmlns:a16="http://schemas.microsoft.com/office/drawing/2014/main" val="636820537"/>
                    </a:ext>
                  </a:extLst>
                </a:gridCol>
                <a:gridCol w="1039386">
                  <a:extLst>
                    <a:ext uri="{9D8B030D-6E8A-4147-A177-3AD203B41FA5}">
                      <a16:colId xmlns:a16="http://schemas.microsoft.com/office/drawing/2014/main" val="2386128001"/>
                    </a:ext>
                  </a:extLst>
                </a:gridCol>
                <a:gridCol w="837173">
                  <a:extLst>
                    <a:ext uri="{9D8B030D-6E8A-4147-A177-3AD203B41FA5}">
                      <a16:colId xmlns:a16="http://schemas.microsoft.com/office/drawing/2014/main" val="3811171360"/>
                    </a:ext>
                  </a:extLst>
                </a:gridCol>
              </a:tblGrid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alendar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06881836"/>
                  </a:ext>
                </a:extLst>
              </a:tr>
              <a:tr h="1389251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ime Schedule (lectures, labs, and sections time and location)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dded by Admin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Displayed in Calendar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 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Sent 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 sent 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65765200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View all members of a specific cours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15399793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heck Instructor Pro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55023775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heck Instructor Mail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In the pro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1268100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ge Office Hours and Contact Information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ut doab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25427401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ssignments (add, delete, deliver, view deadline)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9903475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am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41471997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am Locations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ut doab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36441560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ine Exam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2327634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Polls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hrough form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257313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2105339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64" name="Rectangle 63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B22D871-169F-4F7E-9577-30985C0D19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57715" y="467271"/>
            <a:ext cx="4195674" cy="2052522"/>
          </a:xfrm>
        </p:spPr>
        <p:txBody>
          <a:bodyPr anchor="b">
            <a:normAutofit/>
          </a:bodyPr>
          <a:lstStyle/>
          <a:p>
            <a:r>
              <a:rPr lang="en-GB" sz="5600"/>
              <a:t>Project Specifications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22965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68" name="Group 67">
            <a:extLst>
              <a:ext uri="{FF2B5EF4-FFF2-40B4-BE49-F238E27FC236}">
                <a16:creationId xmlns:a16="http://schemas.microsoft.com/office/drawing/2014/main" id="{5614C7C0-FA1D-4105-8345-1DF76F9870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422753" y="703679"/>
            <a:ext cx="753718" cy="1016562"/>
            <a:chOff x="422753" y="703679"/>
            <a:chExt cx="753718" cy="1016562"/>
          </a:xfrm>
        </p:grpSpPr>
        <p:sp>
          <p:nvSpPr>
            <p:cNvPr id="69" name="Graphic 11">
              <a:extLst>
                <a:ext uri="{FF2B5EF4-FFF2-40B4-BE49-F238E27FC236}">
                  <a16:creationId xmlns:a16="http://schemas.microsoft.com/office/drawing/2014/main" id="{6CB927A4-E432-4310-9CD5-E89FF506317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1004956" y="703679"/>
              <a:ext cx="171515" cy="171515"/>
            </a:xfrm>
            <a:custGeom>
              <a:avLst/>
              <a:gdLst>
                <a:gd name="connsiteX0" fmla="*/ 159874 w 171515"/>
                <a:gd name="connsiteY0" fmla="*/ 74116 h 171515"/>
                <a:gd name="connsiteX1" fmla="*/ 97399 w 171515"/>
                <a:gd name="connsiteY1" fmla="*/ 74116 h 171515"/>
                <a:gd name="connsiteX2" fmla="*/ 97399 w 171515"/>
                <a:gd name="connsiteY2" fmla="*/ 11641 h 171515"/>
                <a:gd name="connsiteX3" fmla="*/ 85758 w 171515"/>
                <a:gd name="connsiteY3" fmla="*/ 0 h 171515"/>
                <a:gd name="connsiteX4" fmla="*/ 74116 w 171515"/>
                <a:gd name="connsiteY4" fmla="*/ 11641 h 171515"/>
                <a:gd name="connsiteX5" fmla="*/ 74116 w 171515"/>
                <a:gd name="connsiteY5" fmla="*/ 74116 h 171515"/>
                <a:gd name="connsiteX6" fmla="*/ 11641 w 171515"/>
                <a:gd name="connsiteY6" fmla="*/ 74116 h 171515"/>
                <a:gd name="connsiteX7" fmla="*/ 0 w 171515"/>
                <a:gd name="connsiteY7" fmla="*/ 85758 h 171515"/>
                <a:gd name="connsiteX8" fmla="*/ 11641 w 171515"/>
                <a:gd name="connsiteY8" fmla="*/ 97399 h 171515"/>
                <a:gd name="connsiteX9" fmla="*/ 74116 w 171515"/>
                <a:gd name="connsiteY9" fmla="*/ 97399 h 171515"/>
                <a:gd name="connsiteX10" fmla="*/ 74116 w 171515"/>
                <a:gd name="connsiteY10" fmla="*/ 159874 h 171515"/>
                <a:gd name="connsiteX11" fmla="*/ 85758 w 171515"/>
                <a:gd name="connsiteY11" fmla="*/ 171515 h 171515"/>
                <a:gd name="connsiteX12" fmla="*/ 97399 w 171515"/>
                <a:gd name="connsiteY12" fmla="*/ 159874 h 171515"/>
                <a:gd name="connsiteX13" fmla="*/ 97399 w 171515"/>
                <a:gd name="connsiteY13" fmla="*/ 97399 h 171515"/>
                <a:gd name="connsiteX14" fmla="*/ 159874 w 171515"/>
                <a:gd name="connsiteY14" fmla="*/ 97399 h 171515"/>
                <a:gd name="connsiteX15" fmla="*/ 171515 w 171515"/>
                <a:gd name="connsiteY15" fmla="*/ 85758 h 171515"/>
                <a:gd name="connsiteX16" fmla="*/ 159874 w 171515"/>
                <a:gd name="connsiteY16" fmla="*/ 74116 h 171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71515" h="171515">
                  <a:moveTo>
                    <a:pt x="159874" y="74116"/>
                  </a:moveTo>
                  <a:lnTo>
                    <a:pt x="97399" y="74116"/>
                  </a:lnTo>
                  <a:lnTo>
                    <a:pt x="97399" y="11641"/>
                  </a:lnTo>
                  <a:cubicBezTo>
                    <a:pt x="97399" y="5212"/>
                    <a:pt x="92187" y="0"/>
                    <a:pt x="85758" y="0"/>
                  </a:cubicBezTo>
                  <a:cubicBezTo>
                    <a:pt x="79328" y="0"/>
                    <a:pt x="74116" y="5212"/>
                    <a:pt x="74116" y="11641"/>
                  </a:cubicBezTo>
                  <a:lnTo>
                    <a:pt x="74116" y="74116"/>
                  </a:lnTo>
                  <a:lnTo>
                    <a:pt x="11641" y="74116"/>
                  </a:lnTo>
                  <a:cubicBezTo>
                    <a:pt x="5212" y="74116"/>
                    <a:pt x="0" y="79328"/>
                    <a:pt x="0" y="85758"/>
                  </a:cubicBezTo>
                  <a:cubicBezTo>
                    <a:pt x="0" y="92187"/>
                    <a:pt x="5212" y="97399"/>
                    <a:pt x="11641" y="97399"/>
                  </a:cubicBezTo>
                  <a:lnTo>
                    <a:pt x="74116" y="97399"/>
                  </a:lnTo>
                  <a:lnTo>
                    <a:pt x="74116" y="159874"/>
                  </a:lnTo>
                  <a:cubicBezTo>
                    <a:pt x="74116" y="166303"/>
                    <a:pt x="79328" y="171515"/>
                    <a:pt x="85758" y="171515"/>
                  </a:cubicBezTo>
                  <a:cubicBezTo>
                    <a:pt x="92187" y="171515"/>
                    <a:pt x="97399" y="166303"/>
                    <a:pt x="97399" y="159874"/>
                  </a:cubicBezTo>
                  <a:lnTo>
                    <a:pt x="97399" y="97399"/>
                  </a:lnTo>
                  <a:lnTo>
                    <a:pt x="159874" y="97399"/>
                  </a:lnTo>
                  <a:cubicBezTo>
                    <a:pt x="166303" y="97399"/>
                    <a:pt x="171515" y="92187"/>
                    <a:pt x="171515" y="85758"/>
                  </a:cubicBezTo>
                  <a:cubicBezTo>
                    <a:pt x="171515" y="79328"/>
                    <a:pt x="166303" y="74116"/>
                    <a:pt x="159874" y="74116"/>
                  </a:cubicBezTo>
                  <a:close/>
                </a:path>
              </a:pathLst>
            </a:custGeom>
            <a:solidFill>
              <a:schemeClr val="accent1"/>
            </a:solidFill>
            <a:ln w="776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0" name="Graphic 12">
              <a:extLst>
                <a:ext uri="{FF2B5EF4-FFF2-40B4-BE49-F238E27FC236}">
                  <a16:creationId xmlns:a16="http://schemas.microsoft.com/office/drawing/2014/main" id="{1453BF6C-B012-48B7-B4E8-6D7AC7C27D0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422753" y="1562696"/>
              <a:ext cx="157545" cy="157545"/>
            </a:xfrm>
            <a:custGeom>
              <a:avLst/>
              <a:gdLst>
                <a:gd name="connsiteX0" fmla="*/ 78773 w 157545"/>
                <a:gd name="connsiteY0" fmla="*/ 23283 h 157545"/>
                <a:gd name="connsiteX1" fmla="*/ 134262 w 157545"/>
                <a:gd name="connsiteY1" fmla="*/ 78773 h 157545"/>
                <a:gd name="connsiteX2" fmla="*/ 78773 w 157545"/>
                <a:gd name="connsiteY2" fmla="*/ 134262 h 157545"/>
                <a:gd name="connsiteX3" fmla="*/ 23283 w 157545"/>
                <a:gd name="connsiteY3" fmla="*/ 78773 h 157545"/>
                <a:gd name="connsiteX4" fmla="*/ 78773 w 157545"/>
                <a:gd name="connsiteY4" fmla="*/ 23283 h 157545"/>
                <a:gd name="connsiteX5" fmla="*/ 78773 w 157545"/>
                <a:gd name="connsiteY5" fmla="*/ 0 h 157545"/>
                <a:gd name="connsiteX6" fmla="*/ 0 w 157545"/>
                <a:gd name="connsiteY6" fmla="*/ 78773 h 157545"/>
                <a:gd name="connsiteX7" fmla="*/ 78773 w 157545"/>
                <a:gd name="connsiteY7" fmla="*/ 157545 h 157545"/>
                <a:gd name="connsiteX8" fmla="*/ 157545 w 157545"/>
                <a:gd name="connsiteY8" fmla="*/ 78773 h 157545"/>
                <a:gd name="connsiteX9" fmla="*/ 78773 w 157545"/>
                <a:gd name="connsiteY9" fmla="*/ 0 h 1575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57545" h="157545">
                  <a:moveTo>
                    <a:pt x="78773" y="23283"/>
                  </a:moveTo>
                  <a:cubicBezTo>
                    <a:pt x="109419" y="23283"/>
                    <a:pt x="134262" y="48126"/>
                    <a:pt x="134262" y="78773"/>
                  </a:cubicBezTo>
                  <a:cubicBezTo>
                    <a:pt x="134262" y="109419"/>
                    <a:pt x="109419" y="134262"/>
                    <a:pt x="78773" y="134262"/>
                  </a:cubicBezTo>
                  <a:cubicBezTo>
                    <a:pt x="48126" y="134262"/>
                    <a:pt x="23283" y="109419"/>
                    <a:pt x="23283" y="78773"/>
                  </a:cubicBezTo>
                  <a:cubicBezTo>
                    <a:pt x="23312" y="48139"/>
                    <a:pt x="48139" y="23312"/>
                    <a:pt x="78773" y="23283"/>
                  </a:cubicBezTo>
                  <a:moveTo>
                    <a:pt x="78773" y="0"/>
                  </a:moveTo>
                  <a:cubicBezTo>
                    <a:pt x="35268" y="0"/>
                    <a:pt x="0" y="35268"/>
                    <a:pt x="0" y="78773"/>
                  </a:cubicBezTo>
                  <a:cubicBezTo>
                    <a:pt x="0" y="122277"/>
                    <a:pt x="35268" y="157545"/>
                    <a:pt x="78773" y="157545"/>
                  </a:cubicBezTo>
                  <a:cubicBezTo>
                    <a:pt x="122277" y="157545"/>
                    <a:pt x="157545" y="122277"/>
                    <a:pt x="157545" y="78773"/>
                  </a:cubicBezTo>
                  <a:cubicBezTo>
                    <a:pt x="157545" y="35268"/>
                    <a:pt x="122277" y="0"/>
                    <a:pt x="78773" y="0"/>
                  </a:cubicBezTo>
                  <a:close/>
                </a:path>
              </a:pathLst>
            </a:custGeom>
            <a:solidFill>
              <a:schemeClr val="accent1"/>
            </a:solidFill>
            <a:ln w="751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23" name="Graphic 22" descr="Computer">
            <a:extLst>
              <a:ext uri="{FF2B5EF4-FFF2-40B4-BE49-F238E27FC236}">
                <a16:creationId xmlns:a16="http://schemas.microsoft.com/office/drawing/2014/main" id="{E0D48708-D0FA-4964-9199-75357191D35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217770" y="1448957"/>
            <a:ext cx="3952579" cy="3952579"/>
          </a:xfrm>
          <a:prstGeom prst="rect">
            <a:avLst/>
          </a:prstGeom>
        </p:spPr>
      </p:pic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9E417A96-3662-46B2-8F7C-89F38779A73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95359" y="2990818"/>
            <a:ext cx="4158031" cy="2913872"/>
          </a:xfrm>
        </p:spPr>
        <p:txBody>
          <a:bodyPr anchor="t">
            <a:normAutofit/>
          </a:bodyPr>
          <a:lstStyle/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ystem Architecture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takeholder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Functional Requirement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Non-Functional Requirement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Use Case Diagram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Class Diagram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equence Diagram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ERD</a:t>
            </a:r>
          </a:p>
        </p:txBody>
      </p:sp>
      <p:sp>
        <p:nvSpPr>
          <p:cNvPr id="72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54149" y="5775082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1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74" name="Straight Connector 73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16069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01T00:00:00.0000000"/>
  <p:tag name="OTLENDDATE" val="2020-11-20T23:59:00.0000000Z"/>
  <p:tag name="OTLPERCENTAGE" val="100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21T00:00:00.0000000"/>
  <p:tag name="OTLENDDATE" val="2021-01-04T23:59:00.0000000"/>
  <p:tag name="OTLPERCENTAGE" val="90"/>
  <p:tag name="OTLDURATIONFORMAT" val="day"/>
  <p:tag name="OTLSPACING" val="5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5T00:00:00.0000000"/>
  <p:tag name="OTLENDDATE" val="2021-01-19T23:59:00.0000000"/>
  <p:tag name="OTLPERCENTAGE" val="90"/>
  <p:tag name="OTLDURATIONFORMAT" val="day"/>
  <p:tag name="OTLSPACING" val="5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0T00:00:00.0000000"/>
  <p:tag name="OTLENDDATE" val="2021-02-06T23:59:00.0000000"/>
  <p:tag name="OTLPERCENTAGE" val="80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7T00:00:00.0000000"/>
  <p:tag name="OTLENDDATE" val="2021-02-14T23:59:00.0000000"/>
  <p:tag name="OTLPERCENTAGE" val="90"/>
  <p:tag name="OTLDURATIONFORMAT" val="day"/>
  <p:tag name="OTLSPACING" val="5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4T00:00:00.0000000"/>
  <p:tag name="OTLENDDATE" val="2021-03-19T23:59:00.0000000"/>
  <p:tag name="OTLPERCENTAGE" val="100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0T00:00:00.0000000"/>
  <p:tag name="OTLENDDATE" val="2021-03-23T23:59:00.0000000"/>
  <p:tag name="OTLPERCENTAGE" val="50"/>
  <p:tag name="OTLDURATIONFORMAT" val="day"/>
  <p:tag name="OTLSPACING" val="5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4T00:00:00.0000000"/>
  <p:tag name="OTLENDDATE" val="2021-03-26T23:59:00.0000000"/>
  <p:tag name="OTLPERCENTAGE" val="100"/>
  <p:tag name="OTLDURATIONFORMAT" val="day"/>
  <p:tag name="OTLSPACING" val="5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8T00:00:00.0000000"/>
  <p:tag name="OTLENDDATE" val="2021-05-07T23:59:00.0000000Z"/>
  <p:tag name="OTLPERCENTAGE" val="0"/>
  <p:tag name="OTLDURATIONFORMAT" val="day"/>
  <p:tag name="OTLSPACING" val="5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"/>
  <p:tag name="OTLENDDATE" val="2021-08-01T23:59:00.0000000"/>
  <p:tag name="OTLPERCENTAGE" val="0"/>
  <p:tag name="OTLDURATIONFORMAT" val="day"/>
  <p:tag name="OTLSPACING" val="5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8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24</TotalTime>
  <Words>1840</Words>
  <Application>Microsoft Office PowerPoint</Application>
  <PresentationFormat>Widescreen</PresentationFormat>
  <Paragraphs>446</Paragraphs>
  <Slides>30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6" baseType="lpstr">
      <vt:lpstr>Arial</vt:lpstr>
      <vt:lpstr>Calibri</vt:lpstr>
      <vt:lpstr>Calibri Light</vt:lpstr>
      <vt:lpstr>Cambria</vt:lpstr>
      <vt:lpstr>Times New Roman</vt:lpstr>
      <vt:lpstr>Office Theme</vt:lpstr>
      <vt:lpstr>A Better E-com</vt:lpstr>
      <vt:lpstr>Problem Significance </vt:lpstr>
      <vt:lpstr>PowerPoint Presentation</vt:lpstr>
      <vt:lpstr>Project Idea</vt:lpstr>
      <vt:lpstr>Related Work</vt:lpstr>
      <vt:lpstr>PowerPoint Presentation</vt:lpstr>
      <vt:lpstr>Features Comparison</vt:lpstr>
      <vt:lpstr>PowerPoint Presentation</vt:lpstr>
      <vt:lpstr>Project Specifications</vt:lpstr>
      <vt:lpstr>System Architecture </vt:lpstr>
      <vt:lpstr>Stakeholders</vt:lpstr>
      <vt:lpstr>Functional Requirements</vt:lpstr>
      <vt:lpstr>PowerPoint Presentation</vt:lpstr>
      <vt:lpstr>Hmm, too many features?</vt:lpstr>
      <vt:lpstr>Non-Functional Requirements</vt:lpstr>
      <vt:lpstr>Use Case Diagrams </vt:lpstr>
      <vt:lpstr>PowerPoint Presentation</vt:lpstr>
      <vt:lpstr>Class Diagrams</vt:lpstr>
      <vt:lpstr>PowerPoint Presentation</vt:lpstr>
      <vt:lpstr>PowerPoint Presentation</vt:lpstr>
      <vt:lpstr>PowerPoint Presentation</vt:lpstr>
      <vt:lpstr>Sequence Diagrams</vt:lpstr>
      <vt:lpstr>PowerPoint Presentation</vt:lpstr>
      <vt:lpstr>PowerPoint Presentation</vt:lpstr>
      <vt:lpstr>Entity Relationship Diagram (ERD)</vt:lpstr>
      <vt:lpstr>PowerPoint Presentation</vt:lpstr>
      <vt:lpstr>Time Plan</vt:lpstr>
      <vt:lpstr>Conclusion</vt:lpstr>
      <vt:lpstr>PowerPoint Presentation</vt:lpstr>
      <vt:lpstr>Reference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 Better E-com</dc:title>
  <dc:creator>Mounir Sabry</dc:creator>
  <cp:lastModifiedBy>Mounir Sabry</cp:lastModifiedBy>
  <cp:revision>13</cp:revision>
  <dcterms:created xsi:type="dcterms:W3CDTF">2021-03-25T20:48:34Z</dcterms:created>
  <dcterms:modified xsi:type="dcterms:W3CDTF">2021-03-27T08:36:01Z</dcterms:modified>
</cp:coreProperties>
</file>